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„🍄令和5年11月1日現在🍄„\03_HP用\"/>
    </mc:Choice>
  </mc:AlternateContent>
  <bookViews>
    <workbookView xWindow="0" yWindow="0" windowWidth="15255" windowHeight="10290"/>
  </bookViews>
  <sheets>
    <sheet name="自然増減・社会増減" sheetId="94" r:id="rId1"/>
  </sheets>
  <definedNames>
    <definedName name="_Order1">255</definedName>
    <definedName name="_xlnm.Print_Area" localSheetId="0">自然増減・社会増減!$A$1:$M$82</definedName>
    <definedName name="_xlnm.Print_Titles" localSheetId="0">自然増減・社会増減!$3:$6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86"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横須賀市</t>
  </si>
  <si>
    <t>郡部計</t>
  </si>
  <si>
    <t>横浜市</t>
  </si>
  <si>
    <t>川崎市</t>
  </si>
  <si>
    <t>中郡</t>
  </si>
  <si>
    <t>足柄上郡</t>
  </si>
  <si>
    <t>足柄下郡</t>
  </si>
  <si>
    <t>愛甲郡</t>
  </si>
  <si>
    <t xml:space="preserve">  鶴見区</t>
  </si>
  <si>
    <t xml:space="preserve"> 西  区</t>
  </si>
  <si>
    <t xml:space="preserve">  中   区</t>
  </si>
  <si>
    <t xml:space="preserve"> 南  区</t>
  </si>
  <si>
    <t xml:space="preserve">  港南区</t>
  </si>
  <si>
    <t xml:space="preserve"> 旭  区</t>
  </si>
  <si>
    <t xml:space="preserve">  磯子区</t>
  </si>
  <si>
    <t xml:space="preserve">  金沢区</t>
  </si>
  <si>
    <t xml:space="preserve">  港北区</t>
  </si>
  <si>
    <t xml:space="preserve"> 緑  区</t>
  </si>
  <si>
    <t xml:space="preserve">  青葉区</t>
  </si>
  <si>
    <t xml:space="preserve">  都筑区</t>
  </si>
  <si>
    <t xml:space="preserve">  戸塚区</t>
  </si>
  <si>
    <t xml:space="preserve"> 栄  区</t>
  </si>
  <si>
    <t xml:space="preserve"> 泉  区</t>
  </si>
  <si>
    <t xml:space="preserve">  瀬谷区</t>
  </si>
  <si>
    <t xml:space="preserve">  川崎区</t>
  </si>
  <si>
    <t xml:space="preserve">  中原区</t>
  </si>
  <si>
    <t xml:space="preserve">  宮前区</t>
  </si>
  <si>
    <t xml:space="preserve">  多摩区</t>
  </si>
  <si>
    <t xml:space="preserve">  麻生区</t>
  </si>
  <si>
    <t>相模原市</t>
  </si>
  <si>
    <t xml:space="preserve"> 緑　区</t>
    <rPh sb="1" eb="2">
      <t>ミドリ</t>
    </rPh>
    <rPh sb="3" eb="4">
      <t>ク</t>
    </rPh>
    <phoneticPr fontId="6"/>
  </si>
  <si>
    <t xml:space="preserve">  中央区</t>
    <rPh sb="2" eb="3">
      <t>ナカ</t>
    </rPh>
    <rPh sb="3" eb="4">
      <t>ヒサシ</t>
    </rPh>
    <rPh sb="4" eb="5">
      <t>ク</t>
    </rPh>
    <phoneticPr fontId="6"/>
  </si>
  <si>
    <t xml:space="preserve"> 南　区</t>
    <rPh sb="1" eb="2">
      <t>ミナミ</t>
    </rPh>
    <rPh sb="3" eb="4">
      <t>ク</t>
    </rPh>
    <phoneticPr fontId="6"/>
  </si>
  <si>
    <t xml:space="preserve">  大磯町</t>
  </si>
  <si>
    <t xml:space="preserve">  二宮町</t>
  </si>
  <si>
    <t xml:space="preserve">  中井町</t>
  </si>
  <si>
    <t xml:space="preserve">  大井町</t>
  </si>
  <si>
    <t xml:space="preserve">  松田町</t>
  </si>
  <si>
    <t xml:space="preserve">  山北町</t>
  </si>
  <si>
    <t xml:space="preserve">  開成町</t>
  </si>
  <si>
    <t xml:space="preserve">  箱根町</t>
  </si>
  <si>
    <t xml:space="preserve">  真鶴町</t>
  </si>
  <si>
    <t xml:space="preserve">  愛川町</t>
  </si>
  <si>
    <t xml:space="preserve">  清川村</t>
  </si>
  <si>
    <t>自 然 増 減</t>
    <rPh sb="0" eb="1">
      <t>ジ</t>
    </rPh>
    <rPh sb="2" eb="3">
      <t>ゼン</t>
    </rPh>
    <rPh sb="4" eb="5">
      <t>ゾウ</t>
    </rPh>
    <rPh sb="6" eb="7">
      <t>ゲン</t>
    </rPh>
    <phoneticPr fontId="3"/>
  </si>
  <si>
    <t>社　　　　　　会　　　　　　増　　　　　　減</t>
    <rPh sb="0" eb="1">
      <t>シャ</t>
    </rPh>
    <rPh sb="7" eb="8">
      <t>カイ</t>
    </rPh>
    <rPh sb="14" eb="15">
      <t>ゾウ</t>
    </rPh>
    <rPh sb="21" eb="22">
      <t>ゲン</t>
    </rPh>
    <phoneticPr fontId="3"/>
  </si>
  <si>
    <t>出生</t>
    <rPh sb="0" eb="2">
      <t>シュッセイ</t>
    </rPh>
    <phoneticPr fontId="3"/>
  </si>
  <si>
    <t>死亡</t>
    <rPh sb="0" eb="2">
      <t>シボウ</t>
    </rPh>
    <phoneticPr fontId="3"/>
  </si>
  <si>
    <t>転　　入</t>
  </si>
  <si>
    <t>総数</t>
    <rPh sb="0" eb="2">
      <t>ソウスウ</t>
    </rPh>
    <phoneticPr fontId="3"/>
  </si>
  <si>
    <t>県外</t>
    <rPh sb="0" eb="2">
      <t>ケンガイ</t>
    </rPh>
    <phoneticPr fontId="3"/>
  </si>
  <si>
    <t>県内</t>
    <rPh sb="0" eb="2">
      <t>ケンナイ</t>
    </rPh>
    <phoneticPr fontId="3"/>
  </si>
  <si>
    <t>その他</t>
    <rPh sb="2" eb="3">
      <t>タ</t>
    </rPh>
    <phoneticPr fontId="3"/>
  </si>
  <si>
    <t>人</t>
    <rPh sb="0" eb="1">
      <t>ヒト</t>
    </rPh>
    <phoneticPr fontId="3"/>
  </si>
  <si>
    <t>人</t>
    <rPh sb="0" eb="1">
      <t>ニン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転　　出</t>
    <phoneticPr fontId="3"/>
  </si>
  <si>
    <t>県計</t>
    <phoneticPr fontId="6"/>
  </si>
  <si>
    <t>市部計</t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 xml:space="preserve">  湯河原町</t>
    <phoneticPr fontId="6"/>
  </si>
  <si>
    <t>神奈川県人口統計調査結果「神奈川県の人口と世帯」</t>
    <phoneticPr fontId="4"/>
  </si>
  <si>
    <t>（注１） 転入・転出者数は、県内市区町村間の移動を含みます。</t>
    <phoneticPr fontId="6"/>
  </si>
  <si>
    <t>（注２） 転入及び転出欄のその他は、住民基本台帳法施行令の規定により、職権で住民票へ記載された者又は住民票から消除</t>
    <phoneticPr fontId="4"/>
  </si>
  <si>
    <t>　　　された者の数です。</t>
    <phoneticPr fontId="4"/>
  </si>
  <si>
    <t>令和5年10月中の自然増減及び社会増減(市区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color theme="0"/>
      <name val="HGPｺﾞｼｯｸM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8"/>
      <color theme="1"/>
      <name val="HGPｺﾞｼｯｸM"/>
      <family val="3"/>
      <charset val="128"/>
    </font>
    <font>
      <b/>
      <sz val="20"/>
      <color theme="1"/>
      <name val="HGPｺﾞｼｯｸM"/>
      <family val="3"/>
      <charset val="128"/>
    </font>
    <font>
      <sz val="11"/>
      <color theme="1"/>
      <name val="HGPｺﾞｼｯｸE"/>
      <family val="3"/>
      <charset val="128"/>
    </font>
    <font>
      <b/>
      <sz val="10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10"/>
      <color theme="1"/>
      <name val="HGPｺﾞｼｯｸM"/>
      <family val="3"/>
      <charset val="128"/>
    </font>
    <font>
      <sz val="11"/>
      <color theme="1"/>
      <name val="HGPｺﾞｼｯｸM"/>
      <family val="3"/>
      <charset val="128"/>
    </font>
    <font>
      <sz val="10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20"/>
      <color theme="1"/>
      <name val="HGPｺﾞｼｯｸM"/>
      <family val="3"/>
      <charset val="128"/>
    </font>
    <font>
      <sz val="11"/>
      <color theme="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indexed="8"/>
      </left>
      <right/>
      <top/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21" fillId="0" borderId="0"/>
    <xf numFmtId="0" fontId="22" fillId="0" borderId="0"/>
    <xf numFmtId="0" fontId="23" fillId="0" borderId="0">
      <alignment vertical="center"/>
    </xf>
    <xf numFmtId="38" fontId="23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1">
    <xf numFmtId="0" fontId="0" fillId="0" borderId="0" xfId="0">
      <alignment vertical="center"/>
    </xf>
    <xf numFmtId="176" fontId="9" fillId="3" borderId="15" xfId="3" applyNumberFormat="1" applyFont="1" applyFill="1" applyBorder="1" applyAlignment="1" applyProtection="1">
      <alignment vertical="center"/>
    </xf>
    <xf numFmtId="176" fontId="2" fillId="0" borderId="15" xfId="3" applyNumberFormat="1" applyFont="1" applyBorder="1" applyAlignment="1" applyProtection="1">
      <alignment vertical="center"/>
    </xf>
    <xf numFmtId="176" fontId="5" fillId="0" borderId="15" xfId="3" applyNumberFormat="1" applyFont="1" applyBorder="1" applyAlignment="1" applyProtection="1">
      <alignment vertical="center"/>
    </xf>
    <xf numFmtId="176" fontId="2" fillId="2" borderId="15" xfId="3" applyNumberFormat="1" applyFont="1" applyFill="1" applyBorder="1" applyAlignment="1" applyProtection="1">
      <alignment vertical="center"/>
    </xf>
    <xf numFmtId="37" fontId="10" fillId="0" borderId="0" xfId="3" applyFont="1" applyBorder="1" applyAlignment="1" applyProtection="1">
      <alignment horizontal="distributed" vertical="center"/>
    </xf>
    <xf numFmtId="37" fontId="11" fillId="0" borderId="0" xfId="3" applyFont="1" applyBorder="1" applyAlignment="1" applyProtection="1">
      <alignment horizontal="distributed" vertical="center"/>
    </xf>
    <xf numFmtId="0" fontId="12" fillId="0" borderId="0" xfId="4" applyFont="1">
      <alignment vertical="center"/>
    </xf>
    <xf numFmtId="0" fontId="8" fillId="0" borderId="0" xfId="4">
      <alignment vertical="center"/>
    </xf>
    <xf numFmtId="0" fontId="12" fillId="0" borderId="14" xfId="4" applyFont="1" applyBorder="1" applyAlignment="1">
      <alignment vertical="top"/>
    </xf>
    <xf numFmtId="37" fontId="2" fillId="0" borderId="0" xfId="3" applyFont="1" applyBorder="1" applyAlignment="1">
      <alignment vertical="top"/>
    </xf>
    <xf numFmtId="0" fontId="12" fillId="0" borderId="18" xfId="4" applyFont="1" applyBorder="1" applyAlignment="1">
      <alignment vertical="top"/>
    </xf>
    <xf numFmtId="0" fontId="12" fillId="0" borderId="24" xfId="4" applyFont="1" applyBorder="1" applyAlignment="1">
      <alignment horizontal="right" vertical="top"/>
    </xf>
    <xf numFmtId="0" fontId="12" fillId="0" borderId="7" xfId="4" applyFont="1" applyBorder="1" applyAlignment="1">
      <alignment horizontal="right" vertical="top"/>
    </xf>
    <xf numFmtId="0" fontId="12" fillId="0" borderId="16" xfId="4" applyFont="1" applyBorder="1" applyAlignment="1">
      <alignment horizontal="right" vertical="top"/>
    </xf>
    <xf numFmtId="0" fontId="12" fillId="0" borderId="0" xfId="4" applyFont="1" applyAlignment="1">
      <alignment vertical="top"/>
    </xf>
    <xf numFmtId="0" fontId="8" fillId="0" borderId="0" xfId="4" applyAlignment="1">
      <alignment vertical="top"/>
    </xf>
    <xf numFmtId="0" fontId="15" fillId="3" borderId="14" xfId="4" applyFont="1" applyFill="1" applyBorder="1" applyAlignment="1">
      <alignment horizontal="distributed" vertical="center"/>
    </xf>
    <xf numFmtId="0" fontId="16" fillId="3" borderId="18" xfId="4" applyFont="1" applyFill="1" applyBorder="1">
      <alignment vertical="center"/>
    </xf>
    <xf numFmtId="176" fontId="9" fillId="3" borderId="7" xfId="4" applyNumberFormat="1" applyFont="1" applyFill="1" applyBorder="1">
      <alignment vertical="center"/>
    </xf>
    <xf numFmtId="176" fontId="9" fillId="3" borderId="16" xfId="4" applyNumberFormat="1" applyFont="1" applyFill="1" applyBorder="1">
      <alignment vertical="center"/>
    </xf>
    <xf numFmtId="0" fontId="17" fillId="0" borderId="14" xfId="4" applyFont="1" applyFill="1" applyBorder="1" applyAlignment="1">
      <alignment horizontal="distributed" vertical="center"/>
    </xf>
    <xf numFmtId="0" fontId="12" fillId="0" borderId="18" xfId="4" applyFont="1" applyFill="1" applyBorder="1">
      <alignment vertical="center"/>
    </xf>
    <xf numFmtId="176" fontId="18" fillId="0" borderId="7" xfId="4" applyNumberFormat="1" applyFont="1" applyFill="1" applyBorder="1">
      <alignment vertical="center"/>
    </xf>
    <xf numFmtId="176" fontId="18" fillId="0" borderId="16" xfId="4" applyNumberFormat="1" applyFont="1" applyFill="1" applyBorder="1">
      <alignment vertical="center"/>
    </xf>
    <xf numFmtId="0" fontId="12" fillId="0" borderId="0" xfId="4" applyFont="1" applyFill="1">
      <alignment vertical="center"/>
    </xf>
    <xf numFmtId="0" fontId="19" fillId="0" borderId="14" xfId="4" applyFont="1" applyBorder="1" applyAlignment="1">
      <alignment horizontal="distributed" vertical="center"/>
    </xf>
    <xf numFmtId="0" fontId="12" fillId="0" borderId="18" xfId="4" applyFont="1" applyBorder="1">
      <alignment vertical="center"/>
    </xf>
    <xf numFmtId="176" fontId="18" fillId="0" borderId="7" xfId="4" applyNumberFormat="1" applyFont="1" applyBorder="1">
      <alignment vertical="center"/>
    </xf>
    <xf numFmtId="176" fontId="18" fillId="0" borderId="16" xfId="4" applyNumberFormat="1" applyFont="1" applyBorder="1">
      <alignment vertical="center"/>
    </xf>
    <xf numFmtId="0" fontId="17" fillId="2" borderId="14" xfId="4" applyFont="1" applyFill="1" applyBorder="1" applyAlignment="1">
      <alignment horizontal="distributed" vertical="center"/>
    </xf>
    <xf numFmtId="0" fontId="12" fillId="2" borderId="18" xfId="4" applyFont="1" applyFill="1" applyBorder="1">
      <alignment vertical="center"/>
    </xf>
    <xf numFmtId="176" fontId="18" fillId="2" borderId="7" xfId="4" applyNumberFormat="1" applyFont="1" applyFill="1" applyBorder="1">
      <alignment vertical="center"/>
    </xf>
    <xf numFmtId="176" fontId="18" fillId="2" borderId="16" xfId="4" applyNumberFormat="1" applyFont="1" applyFill="1" applyBorder="1">
      <alignment vertical="center"/>
    </xf>
    <xf numFmtId="0" fontId="19" fillId="0" borderId="12" xfId="4" applyFont="1" applyBorder="1" applyAlignment="1">
      <alignment horizontal="distributed" vertical="center"/>
    </xf>
    <xf numFmtId="176" fontId="12" fillId="0" borderId="21" xfId="4" applyNumberFormat="1" applyFont="1" applyBorder="1">
      <alignment vertical="center"/>
    </xf>
    <xf numFmtId="176" fontId="12" fillId="0" borderId="13" xfId="4" applyNumberFormat="1" applyFont="1" applyBorder="1">
      <alignment vertical="center"/>
    </xf>
    <xf numFmtId="0" fontId="20" fillId="0" borderId="14" xfId="4" applyFont="1" applyBorder="1" applyAlignment="1">
      <alignment horizontal="distributed" vertical="center"/>
    </xf>
    <xf numFmtId="0" fontId="18" fillId="0" borderId="0" xfId="10" applyFont="1" applyAlignment="1">
      <alignment horizontal="right" vertical="center"/>
    </xf>
    <xf numFmtId="37" fontId="18" fillId="0" borderId="0" xfId="5" applyFont="1" applyBorder="1" applyAlignment="1" applyProtection="1">
      <alignment horizontal="left" vertical="center"/>
    </xf>
    <xf numFmtId="0" fontId="18" fillId="0" borderId="0" xfId="10" applyFont="1" applyBorder="1">
      <alignment vertical="center"/>
    </xf>
    <xf numFmtId="0" fontId="18" fillId="0" borderId="0" xfId="10" applyFont="1" applyBorder="1" applyAlignment="1">
      <alignment vertical="center"/>
    </xf>
    <xf numFmtId="0" fontId="13" fillId="0" borderId="0" xfId="4" applyFont="1" applyAlignment="1">
      <alignment horizontal="center" vertical="center"/>
    </xf>
    <xf numFmtId="0" fontId="1" fillId="0" borderId="0" xfId="3" applyNumberFormat="1" applyFont="1"/>
    <xf numFmtId="0" fontId="12" fillId="0" borderId="25" xfId="4" applyFont="1" applyBorder="1">
      <alignment vertical="center"/>
    </xf>
    <xf numFmtId="176" fontId="12" fillId="0" borderId="26" xfId="4" applyNumberFormat="1" applyFont="1" applyBorder="1">
      <alignment vertical="center"/>
    </xf>
    <xf numFmtId="0" fontId="18" fillId="0" borderId="0" xfId="10" applyFont="1">
      <alignment vertical="center"/>
    </xf>
    <xf numFmtId="0" fontId="13" fillId="0" borderId="0" xfId="4" applyFont="1" applyAlignment="1">
      <alignment horizontal="centerContinuous" vertical="center"/>
    </xf>
    <xf numFmtId="0" fontId="14" fillId="0" borderId="11" xfId="4" applyFont="1" applyBorder="1" applyAlignment="1">
      <alignment vertical="center"/>
    </xf>
    <xf numFmtId="0" fontId="14" fillId="0" borderId="14" xfId="4" applyFont="1" applyBorder="1" applyAlignment="1">
      <alignment vertical="center"/>
    </xf>
    <xf numFmtId="0" fontId="14" fillId="0" borderId="12" xfId="4" applyFont="1" applyBorder="1" applyAlignment="1">
      <alignment vertical="center"/>
    </xf>
    <xf numFmtId="37" fontId="10" fillId="0" borderId="27" xfId="3" applyFont="1" applyBorder="1" applyAlignment="1" applyProtection="1">
      <alignment horizontal="distributed" vertical="center"/>
    </xf>
    <xf numFmtId="0" fontId="24" fillId="0" borderId="0" xfId="4" applyFont="1" applyAlignment="1">
      <alignment horizontal="centerContinuous" vertical="center"/>
    </xf>
    <xf numFmtId="0" fontId="18" fillId="0" borderId="8" xfId="4" applyFont="1" applyBorder="1" applyAlignment="1">
      <alignment vertical="center"/>
    </xf>
    <xf numFmtId="0" fontId="18" fillId="0" borderId="17" xfId="4" applyFont="1" applyBorder="1" applyAlignment="1">
      <alignment vertical="center"/>
    </xf>
    <xf numFmtId="0" fontId="18" fillId="0" borderId="8" xfId="4" applyFont="1" applyBorder="1" applyAlignment="1">
      <alignment horizontal="centerContinuous" vertical="center"/>
    </xf>
    <xf numFmtId="0" fontId="18" fillId="0" borderId="19" xfId="4" applyFont="1" applyBorder="1" applyAlignment="1">
      <alignment horizontal="centerContinuous" vertical="center"/>
    </xf>
    <xf numFmtId="0" fontId="18" fillId="0" borderId="9" xfId="4" applyFont="1" applyBorder="1" applyAlignment="1">
      <alignment horizontal="centerContinuous" vertical="center"/>
    </xf>
    <xf numFmtId="0" fontId="18" fillId="0" borderId="17" xfId="4" applyFont="1" applyBorder="1" applyAlignment="1">
      <alignment horizontal="centerContinuous" vertical="center"/>
    </xf>
    <xf numFmtId="0" fontId="18" fillId="0" borderId="0" xfId="4" applyFont="1" applyBorder="1" applyAlignment="1">
      <alignment horizontal="center" vertical="center"/>
    </xf>
    <xf numFmtId="0" fontId="18" fillId="0" borderId="18" xfId="4" applyFont="1" applyBorder="1" applyAlignment="1">
      <alignment vertical="center"/>
    </xf>
    <xf numFmtId="0" fontId="18" fillId="0" borderId="1" xfId="4" applyFont="1" applyBorder="1" applyAlignment="1">
      <alignment horizontal="centerContinuous" vertical="center"/>
    </xf>
    <xf numFmtId="0" fontId="18" fillId="0" borderId="2" xfId="4" applyFont="1" applyBorder="1" applyAlignment="1">
      <alignment horizontal="centerContinuous" vertical="center"/>
    </xf>
    <xf numFmtId="0" fontId="18" fillId="0" borderId="3" xfId="4" applyFont="1" applyBorder="1" applyAlignment="1">
      <alignment horizontal="centerContinuous" vertical="center"/>
    </xf>
    <xf numFmtId="0" fontId="18" fillId="0" borderId="4" xfId="4" applyFont="1" applyBorder="1" applyAlignment="1">
      <alignment horizontal="centerContinuous" vertical="center"/>
    </xf>
    <xf numFmtId="0" fontId="18" fillId="0" borderId="10" xfId="4" applyFont="1" applyBorder="1" applyAlignment="1">
      <alignment horizontal="centerContinuous" vertical="center"/>
    </xf>
    <xf numFmtId="0" fontId="18" fillId="0" borderId="20" xfId="4" applyFont="1" applyBorder="1" applyAlignment="1">
      <alignment horizontal="centerContinuous" vertical="center"/>
    </xf>
    <xf numFmtId="0" fontId="18" fillId="0" borderId="27" xfId="4" applyFont="1" applyBorder="1" applyAlignment="1">
      <alignment vertical="center"/>
    </xf>
    <xf numFmtId="0" fontId="18" fillId="0" borderId="25" xfId="4" applyFont="1" applyBorder="1" applyAlignment="1">
      <alignment vertical="center"/>
    </xf>
    <xf numFmtId="0" fontId="18" fillId="0" borderId="22" xfId="4" applyFont="1" applyBorder="1" applyAlignment="1">
      <alignment horizontal="center" vertical="center"/>
    </xf>
    <xf numFmtId="0" fontId="18" fillId="0" borderId="23" xfId="4" applyFont="1" applyBorder="1" applyAlignment="1">
      <alignment horizontal="center" vertical="center"/>
    </xf>
    <xf numFmtId="37" fontId="25" fillId="3" borderId="0" xfId="3" applyFont="1" applyFill="1" applyBorder="1" applyAlignment="1" applyProtection="1">
      <alignment horizontal="distributed" vertical="center"/>
    </xf>
    <xf numFmtId="37" fontId="10" fillId="0" borderId="0" xfId="3" applyFont="1" applyBorder="1" applyAlignment="1">
      <alignment horizontal="distributed" vertical="center"/>
    </xf>
    <xf numFmtId="37" fontId="10" fillId="2" borderId="0" xfId="3" applyFont="1" applyFill="1" applyBorder="1" applyAlignment="1" applyProtection="1">
      <alignment horizontal="distributed" vertical="center"/>
    </xf>
    <xf numFmtId="176" fontId="2" fillId="0" borderId="28" xfId="3" applyNumberFormat="1" applyFont="1" applyBorder="1" applyAlignment="1" applyProtection="1">
      <alignment vertical="center"/>
    </xf>
    <xf numFmtId="176" fontId="18" fillId="0" borderId="21" xfId="4" applyNumberFormat="1" applyFont="1" applyBorder="1">
      <alignment vertical="center"/>
    </xf>
    <xf numFmtId="176" fontId="18" fillId="0" borderId="13" xfId="4" applyNumberFormat="1" applyFont="1" applyBorder="1">
      <alignment vertical="center"/>
    </xf>
    <xf numFmtId="0" fontId="18" fillId="0" borderId="5" xfId="4" applyFont="1" applyBorder="1" applyAlignment="1">
      <alignment horizontal="center" vertical="center"/>
    </xf>
    <xf numFmtId="0" fontId="18" fillId="0" borderId="26" xfId="4" applyFont="1" applyBorder="1" applyAlignment="1">
      <alignment horizontal="center" vertical="center"/>
    </xf>
    <xf numFmtId="0" fontId="18" fillId="0" borderId="6" xfId="4" applyFont="1" applyBorder="1" applyAlignment="1">
      <alignment horizontal="center" vertical="center"/>
    </xf>
    <xf numFmtId="0" fontId="18" fillId="0" borderId="21" xfId="4" applyFont="1" applyBorder="1" applyAlignment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82"/>
  <sheetViews>
    <sheetView tabSelected="1" view="pageBreakPreview" zoomScale="85" zoomScaleNormal="100" zoomScaleSheetLayoutView="85" workbookViewId="0"/>
  </sheetViews>
  <sheetFormatPr defaultRowHeight="14.25"/>
  <cols>
    <col min="1" max="1" width="1.625" style="7" customWidth="1"/>
    <col min="2" max="2" width="11.625" style="7" customWidth="1"/>
    <col min="3" max="3" width="1.625" style="7" customWidth="1"/>
    <col min="4" max="13" width="8.25" style="7" customWidth="1"/>
  </cols>
  <sheetData>
    <row r="1" spans="1:29" s="8" customFormat="1" ht="24" customHeight="1">
      <c r="A1" s="7"/>
      <c r="B1" s="52" t="s">
        <v>85</v>
      </c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7"/>
      <c r="O1" s="7"/>
      <c r="P1" s="7"/>
      <c r="Q1" s="7"/>
      <c r="R1" s="7"/>
      <c r="S1" s="7"/>
      <c r="T1" s="7"/>
    </row>
    <row r="2" spans="1:29" s="8" customFormat="1" ht="13.5" customHeight="1" thickBot="1">
      <c r="A2" s="42"/>
      <c r="B2" s="42"/>
      <c r="C2" s="42"/>
      <c r="D2" s="42"/>
      <c r="E2" s="42"/>
      <c r="F2" s="42"/>
      <c r="G2" s="42"/>
      <c r="H2" s="42"/>
      <c r="I2" s="42"/>
      <c r="J2" s="42"/>
      <c r="K2" s="42"/>
      <c r="L2" s="42"/>
      <c r="M2" s="42"/>
      <c r="N2" s="7"/>
      <c r="O2" s="7"/>
      <c r="P2" s="7"/>
      <c r="Q2"/>
      <c r="R2"/>
      <c r="S2"/>
      <c r="T2"/>
      <c r="U2"/>
      <c r="V2"/>
      <c r="W2"/>
      <c r="X2"/>
      <c r="Y2"/>
      <c r="Z2"/>
      <c r="AA2"/>
      <c r="AB2"/>
      <c r="AC2"/>
    </row>
    <row r="3" spans="1:29" s="8" customFormat="1" ht="18" customHeight="1">
      <c r="A3" s="48"/>
      <c r="B3" s="53"/>
      <c r="C3" s="54"/>
      <c r="D3" s="55" t="s">
        <v>59</v>
      </c>
      <c r="E3" s="56"/>
      <c r="F3" s="57" t="s">
        <v>60</v>
      </c>
      <c r="G3" s="55"/>
      <c r="H3" s="55"/>
      <c r="I3" s="55"/>
      <c r="J3" s="55"/>
      <c r="K3" s="55"/>
      <c r="L3" s="55"/>
      <c r="M3" s="58"/>
      <c r="N3" s="7"/>
      <c r="O3" s="7"/>
      <c r="P3" s="7"/>
      <c r="Q3"/>
      <c r="R3"/>
      <c r="S3"/>
      <c r="T3"/>
      <c r="U3"/>
      <c r="V3"/>
      <c r="W3"/>
      <c r="X3"/>
      <c r="Y3"/>
      <c r="Z3"/>
      <c r="AA3"/>
      <c r="AB3"/>
      <c r="AC3"/>
    </row>
    <row r="4" spans="1:29" s="8" customFormat="1" ht="18" customHeight="1">
      <c r="A4" s="49"/>
      <c r="B4" s="59" t="s">
        <v>70</v>
      </c>
      <c r="C4" s="60"/>
      <c r="D4" s="77" t="s">
        <v>61</v>
      </c>
      <c r="E4" s="79" t="s">
        <v>62</v>
      </c>
      <c r="F4" s="61" t="s">
        <v>63</v>
      </c>
      <c r="G4" s="62"/>
      <c r="H4" s="62"/>
      <c r="I4" s="63"/>
      <c r="J4" s="64" t="s">
        <v>71</v>
      </c>
      <c r="K4" s="65"/>
      <c r="L4" s="65"/>
      <c r="M4" s="66"/>
      <c r="N4" s="7"/>
      <c r="O4" s="7"/>
      <c r="P4" s="7"/>
      <c r="Q4"/>
      <c r="R4"/>
      <c r="S4"/>
      <c r="T4"/>
      <c r="U4"/>
      <c r="V4"/>
      <c r="W4"/>
      <c r="X4"/>
      <c r="Y4"/>
      <c r="Z4"/>
      <c r="AA4"/>
      <c r="AB4"/>
      <c r="AC4"/>
    </row>
    <row r="5" spans="1:29" s="8" customFormat="1" ht="18" customHeight="1" thickBot="1">
      <c r="A5" s="50"/>
      <c r="B5" s="67"/>
      <c r="C5" s="68"/>
      <c r="D5" s="78"/>
      <c r="E5" s="80"/>
      <c r="F5" s="69" t="s">
        <v>64</v>
      </c>
      <c r="G5" s="69" t="s">
        <v>65</v>
      </c>
      <c r="H5" s="69" t="s">
        <v>66</v>
      </c>
      <c r="I5" s="69" t="s">
        <v>67</v>
      </c>
      <c r="J5" s="69" t="s">
        <v>64</v>
      </c>
      <c r="K5" s="69" t="s">
        <v>65</v>
      </c>
      <c r="L5" s="69" t="s">
        <v>66</v>
      </c>
      <c r="M5" s="70" t="s">
        <v>67</v>
      </c>
      <c r="N5" s="7"/>
      <c r="O5" s="7"/>
      <c r="P5" s="7"/>
      <c r="Q5"/>
      <c r="R5"/>
      <c r="S5"/>
      <c r="T5"/>
      <c r="U5"/>
      <c r="V5"/>
      <c r="W5"/>
      <c r="X5"/>
      <c r="Y5"/>
      <c r="Z5"/>
      <c r="AA5"/>
      <c r="AB5"/>
      <c r="AC5"/>
    </row>
    <row r="6" spans="1:29" s="16" customFormat="1" ht="18" customHeight="1">
      <c r="A6" s="9"/>
      <c r="B6" s="10"/>
      <c r="C6" s="11"/>
      <c r="D6" s="12" t="s">
        <v>68</v>
      </c>
      <c r="E6" s="13" t="s">
        <v>69</v>
      </c>
      <c r="F6" s="13" t="s">
        <v>68</v>
      </c>
      <c r="G6" s="13" t="s">
        <v>68</v>
      </c>
      <c r="H6" s="13" t="s">
        <v>68</v>
      </c>
      <c r="I6" s="13" t="s">
        <v>68</v>
      </c>
      <c r="J6" s="13" t="s">
        <v>68</v>
      </c>
      <c r="K6" s="13" t="s">
        <v>68</v>
      </c>
      <c r="L6" s="13" t="s">
        <v>68</v>
      </c>
      <c r="M6" s="14" t="s">
        <v>68</v>
      </c>
      <c r="N6" s="15"/>
      <c r="O6" s="15"/>
      <c r="P6" s="15"/>
      <c r="Q6"/>
      <c r="R6"/>
      <c r="S6"/>
      <c r="T6"/>
      <c r="U6"/>
      <c r="V6"/>
      <c r="W6"/>
      <c r="X6"/>
      <c r="Y6"/>
      <c r="Z6"/>
      <c r="AA6"/>
      <c r="AB6"/>
      <c r="AC6"/>
    </row>
    <row r="7" spans="1:29" s="8" customFormat="1" ht="22.5" customHeight="1">
      <c r="A7" s="17"/>
      <c r="B7" s="71" t="s">
        <v>72</v>
      </c>
      <c r="C7" s="18"/>
      <c r="D7" s="1">
        <v>5010</v>
      </c>
      <c r="E7" s="19">
        <v>8776</v>
      </c>
      <c r="F7" s="19">
        <v>38093</v>
      </c>
      <c r="G7" s="19">
        <v>19979</v>
      </c>
      <c r="H7" s="19">
        <v>17322</v>
      </c>
      <c r="I7" s="19">
        <v>792</v>
      </c>
      <c r="J7" s="19">
        <v>34475</v>
      </c>
      <c r="K7" s="19">
        <v>16525</v>
      </c>
      <c r="L7" s="19">
        <v>17244</v>
      </c>
      <c r="M7" s="20">
        <v>706</v>
      </c>
      <c r="N7" s="43"/>
      <c r="O7" s="7"/>
      <c r="P7" s="7"/>
      <c r="Q7"/>
      <c r="R7"/>
      <c r="S7"/>
      <c r="T7"/>
      <c r="U7"/>
      <c r="V7"/>
      <c r="W7"/>
      <c r="X7"/>
      <c r="Y7"/>
      <c r="Z7"/>
      <c r="AA7"/>
      <c r="AB7"/>
      <c r="AC7"/>
    </row>
    <row r="8" spans="1:29" s="25" customFormat="1" ht="22.5" customHeight="1">
      <c r="A8" s="21"/>
      <c r="B8" s="5" t="s">
        <v>73</v>
      </c>
      <c r="C8" s="22"/>
      <c r="D8" s="2">
        <v>4882</v>
      </c>
      <c r="E8" s="23">
        <v>8426</v>
      </c>
      <c r="F8" s="23">
        <v>37027</v>
      </c>
      <c r="G8" s="23">
        <v>19443</v>
      </c>
      <c r="H8" s="23">
        <v>16827</v>
      </c>
      <c r="I8" s="23">
        <v>757</v>
      </c>
      <c r="J8" s="23">
        <v>33487</v>
      </c>
      <c r="K8" s="23">
        <v>16135</v>
      </c>
      <c r="L8" s="23">
        <v>16676</v>
      </c>
      <c r="M8" s="24">
        <v>676</v>
      </c>
      <c r="N8" s="43"/>
      <c r="Q8"/>
      <c r="R8"/>
      <c r="S8"/>
      <c r="T8"/>
      <c r="U8"/>
      <c r="V8"/>
      <c r="W8"/>
      <c r="X8"/>
      <c r="Y8"/>
      <c r="Z8"/>
      <c r="AA8"/>
      <c r="AB8"/>
      <c r="AC8"/>
    </row>
    <row r="9" spans="1:29" s="25" customFormat="1" ht="22.5" customHeight="1">
      <c r="A9" s="21"/>
      <c r="B9" s="5" t="s">
        <v>16</v>
      </c>
      <c r="C9" s="22"/>
      <c r="D9" s="2">
        <v>128</v>
      </c>
      <c r="E9" s="23">
        <v>350</v>
      </c>
      <c r="F9" s="23">
        <v>1066</v>
      </c>
      <c r="G9" s="23">
        <v>536</v>
      </c>
      <c r="H9" s="23">
        <v>495</v>
      </c>
      <c r="I9" s="23">
        <v>35</v>
      </c>
      <c r="J9" s="23">
        <v>988</v>
      </c>
      <c r="K9" s="23">
        <v>390</v>
      </c>
      <c r="L9" s="23">
        <v>568</v>
      </c>
      <c r="M9" s="24">
        <v>30</v>
      </c>
      <c r="Q9"/>
      <c r="R9"/>
      <c r="S9"/>
      <c r="T9"/>
      <c r="U9"/>
      <c r="V9"/>
      <c r="W9"/>
      <c r="X9"/>
      <c r="Y9"/>
      <c r="Z9"/>
      <c r="AA9"/>
      <c r="AB9"/>
      <c r="AC9"/>
    </row>
    <row r="10" spans="1:29" s="8" customFormat="1" ht="22.5" customHeight="1">
      <c r="A10" s="26"/>
      <c r="B10" s="72"/>
      <c r="C10" s="27"/>
      <c r="D10" s="3"/>
      <c r="E10" s="28"/>
      <c r="F10" s="28"/>
      <c r="G10" s="28"/>
      <c r="H10" s="28"/>
      <c r="I10" s="28"/>
      <c r="J10" s="28"/>
      <c r="K10" s="28"/>
      <c r="L10" s="28"/>
      <c r="M10" s="29"/>
      <c r="N10" s="7"/>
      <c r="O10" s="7"/>
      <c r="P10" s="7"/>
      <c r="Q10"/>
      <c r="R10"/>
      <c r="S10"/>
      <c r="T10"/>
      <c r="U10"/>
      <c r="V10"/>
      <c r="W10"/>
      <c r="X10"/>
      <c r="Y10"/>
      <c r="Z10"/>
      <c r="AA10"/>
      <c r="AB10"/>
      <c r="AC10"/>
    </row>
    <row r="11" spans="1:29" s="8" customFormat="1" ht="22.5" customHeight="1">
      <c r="A11" s="30"/>
      <c r="B11" s="73" t="s">
        <v>17</v>
      </c>
      <c r="C11" s="31"/>
      <c r="D11" s="4">
        <v>2054</v>
      </c>
      <c r="E11" s="32">
        <v>3514</v>
      </c>
      <c r="F11" s="32">
        <v>16503</v>
      </c>
      <c r="G11" s="32">
        <v>8111</v>
      </c>
      <c r="H11" s="32">
        <v>8022</v>
      </c>
      <c r="I11" s="32">
        <v>370</v>
      </c>
      <c r="J11" s="32">
        <v>15198</v>
      </c>
      <c r="K11" s="32">
        <v>6690</v>
      </c>
      <c r="L11" s="32">
        <v>8209</v>
      </c>
      <c r="M11" s="33">
        <v>299</v>
      </c>
      <c r="N11" s="7"/>
      <c r="O11" s="7"/>
      <c r="P11" s="7"/>
      <c r="Q11"/>
      <c r="R11"/>
      <c r="S11"/>
      <c r="T11"/>
      <c r="U11"/>
      <c r="V11"/>
      <c r="W11"/>
      <c r="X11"/>
      <c r="Y11"/>
      <c r="Z11"/>
      <c r="AA11"/>
      <c r="AB11"/>
      <c r="AC11"/>
    </row>
    <row r="12" spans="1:29" s="8" customFormat="1" ht="22.5" customHeight="1">
      <c r="A12" s="26"/>
      <c r="B12" s="5" t="s">
        <v>23</v>
      </c>
      <c r="C12" s="27"/>
      <c r="D12" s="2">
        <v>167</v>
      </c>
      <c r="E12" s="28">
        <v>237</v>
      </c>
      <c r="F12" s="28">
        <v>1474</v>
      </c>
      <c r="G12" s="28">
        <v>902</v>
      </c>
      <c r="H12" s="28">
        <v>546</v>
      </c>
      <c r="I12" s="28">
        <v>26</v>
      </c>
      <c r="J12" s="28">
        <v>1381</v>
      </c>
      <c r="K12" s="28">
        <v>741</v>
      </c>
      <c r="L12" s="28">
        <v>606</v>
      </c>
      <c r="M12" s="29">
        <v>34</v>
      </c>
      <c r="N12" s="7"/>
      <c r="O12" s="7"/>
      <c r="P12" s="7"/>
      <c r="Q12"/>
      <c r="R12"/>
      <c r="S12"/>
      <c r="T12"/>
      <c r="U12"/>
      <c r="V12"/>
      <c r="W12"/>
      <c r="X12"/>
      <c r="Y12"/>
      <c r="Z12"/>
      <c r="AA12"/>
      <c r="AB12"/>
      <c r="AC12"/>
    </row>
    <row r="13" spans="1:29" s="8" customFormat="1" ht="22.5" customHeight="1">
      <c r="A13" s="26"/>
      <c r="B13" s="6" t="s">
        <v>74</v>
      </c>
      <c r="C13" s="27"/>
      <c r="D13" s="2">
        <v>118</v>
      </c>
      <c r="E13" s="28">
        <v>199</v>
      </c>
      <c r="F13" s="28">
        <v>1359</v>
      </c>
      <c r="G13" s="28">
        <v>727</v>
      </c>
      <c r="H13" s="28">
        <v>603</v>
      </c>
      <c r="I13" s="28">
        <v>29</v>
      </c>
      <c r="J13" s="28">
        <v>1235</v>
      </c>
      <c r="K13" s="28">
        <v>556</v>
      </c>
      <c r="L13" s="28">
        <v>648</v>
      </c>
      <c r="M13" s="29">
        <v>31</v>
      </c>
      <c r="N13" s="7"/>
      <c r="O13" s="7"/>
      <c r="P13" s="7"/>
      <c r="Q13"/>
      <c r="R13"/>
      <c r="S13"/>
      <c r="T13"/>
      <c r="U13"/>
      <c r="V13"/>
      <c r="W13"/>
      <c r="X13"/>
      <c r="Y13"/>
      <c r="Z13"/>
      <c r="AA13"/>
      <c r="AB13"/>
      <c r="AC13"/>
    </row>
    <row r="14" spans="1:29" s="8" customFormat="1" ht="22.5" customHeight="1">
      <c r="A14" s="26"/>
      <c r="B14" s="5" t="s">
        <v>24</v>
      </c>
      <c r="C14" s="27"/>
      <c r="D14" s="2">
        <v>75</v>
      </c>
      <c r="E14" s="28">
        <v>76</v>
      </c>
      <c r="F14" s="28">
        <v>798</v>
      </c>
      <c r="G14" s="28">
        <v>409</v>
      </c>
      <c r="H14" s="28">
        <v>373</v>
      </c>
      <c r="I14" s="28">
        <v>16</v>
      </c>
      <c r="J14" s="28">
        <v>658</v>
      </c>
      <c r="K14" s="28">
        <v>268</v>
      </c>
      <c r="L14" s="28">
        <v>368</v>
      </c>
      <c r="M14" s="29">
        <v>22</v>
      </c>
      <c r="N14" s="7"/>
      <c r="O14" s="7"/>
      <c r="P14" s="7"/>
      <c r="Q14"/>
      <c r="R14"/>
      <c r="S14"/>
      <c r="T14"/>
      <c r="U14"/>
      <c r="V14"/>
      <c r="W14"/>
      <c r="X14"/>
      <c r="Y14"/>
      <c r="Z14"/>
      <c r="AA14"/>
      <c r="AB14"/>
      <c r="AC14"/>
    </row>
    <row r="15" spans="1:29" s="8" customFormat="1" ht="22.5" customHeight="1">
      <c r="A15" s="26"/>
      <c r="B15" s="5" t="s">
        <v>25</v>
      </c>
      <c r="C15" s="27"/>
      <c r="D15" s="2">
        <v>70</v>
      </c>
      <c r="E15" s="28">
        <v>168</v>
      </c>
      <c r="F15" s="28">
        <v>1146</v>
      </c>
      <c r="G15" s="28">
        <v>574</v>
      </c>
      <c r="H15" s="28">
        <v>541</v>
      </c>
      <c r="I15" s="28">
        <v>31</v>
      </c>
      <c r="J15" s="28">
        <v>912</v>
      </c>
      <c r="K15" s="28">
        <v>406</v>
      </c>
      <c r="L15" s="28">
        <v>469</v>
      </c>
      <c r="M15" s="29">
        <v>37</v>
      </c>
      <c r="N15" s="7"/>
      <c r="O15" s="7"/>
      <c r="P15" s="7"/>
      <c r="Q15"/>
      <c r="R15"/>
      <c r="S15"/>
      <c r="T15"/>
      <c r="U15"/>
      <c r="V15"/>
      <c r="W15"/>
      <c r="X15"/>
      <c r="Y15"/>
      <c r="Z15"/>
      <c r="AA15"/>
      <c r="AB15"/>
      <c r="AC15"/>
    </row>
    <row r="16" spans="1:29" s="8" customFormat="1" ht="22.5" customHeight="1">
      <c r="A16" s="26"/>
      <c r="B16" s="5" t="s">
        <v>26</v>
      </c>
      <c r="C16" s="27"/>
      <c r="D16" s="2">
        <v>100</v>
      </c>
      <c r="E16" s="28">
        <v>213</v>
      </c>
      <c r="F16" s="28">
        <v>1132</v>
      </c>
      <c r="G16" s="28">
        <v>520</v>
      </c>
      <c r="H16" s="28">
        <v>579</v>
      </c>
      <c r="I16" s="28">
        <v>33</v>
      </c>
      <c r="J16" s="28">
        <v>1031</v>
      </c>
      <c r="K16" s="28">
        <v>352</v>
      </c>
      <c r="L16" s="28">
        <v>654</v>
      </c>
      <c r="M16" s="29">
        <v>25</v>
      </c>
      <c r="N16" s="7"/>
      <c r="O16" s="7"/>
      <c r="P16" s="7"/>
      <c r="Q16"/>
      <c r="R16"/>
      <c r="S16"/>
      <c r="T16"/>
      <c r="U16"/>
      <c r="V16"/>
      <c r="W16"/>
      <c r="X16"/>
      <c r="Y16"/>
      <c r="Z16"/>
      <c r="AA16"/>
      <c r="AB16"/>
      <c r="AC16"/>
    </row>
    <row r="17" spans="1:29" s="8" customFormat="1" ht="22.5" customHeight="1">
      <c r="A17" s="26"/>
      <c r="B17" s="5" t="s">
        <v>27</v>
      </c>
      <c r="C17" s="27"/>
      <c r="D17" s="2">
        <v>115</v>
      </c>
      <c r="E17" s="28">
        <v>225</v>
      </c>
      <c r="F17" s="28">
        <v>668</v>
      </c>
      <c r="G17" s="28">
        <v>279</v>
      </c>
      <c r="H17" s="28">
        <v>371</v>
      </c>
      <c r="I17" s="28">
        <v>18</v>
      </c>
      <c r="J17" s="28">
        <v>710</v>
      </c>
      <c r="K17" s="28">
        <v>258</v>
      </c>
      <c r="L17" s="28">
        <v>425</v>
      </c>
      <c r="M17" s="29">
        <v>27</v>
      </c>
      <c r="N17" s="7"/>
      <c r="O17" s="7"/>
      <c r="P17" s="7"/>
      <c r="Q17"/>
      <c r="R17"/>
      <c r="S17"/>
      <c r="T17"/>
      <c r="U17"/>
      <c r="V17"/>
      <c r="W17"/>
      <c r="X17"/>
      <c r="Y17"/>
      <c r="Z17"/>
      <c r="AA17"/>
      <c r="AB17"/>
      <c r="AC17"/>
    </row>
    <row r="18" spans="1:29" s="8" customFormat="1" ht="22.5" customHeight="1">
      <c r="A18" s="26"/>
      <c r="B18" s="6" t="s">
        <v>75</v>
      </c>
      <c r="C18" s="27"/>
      <c r="D18" s="2">
        <v>88</v>
      </c>
      <c r="E18" s="28">
        <v>223</v>
      </c>
      <c r="F18" s="28">
        <v>1050</v>
      </c>
      <c r="G18" s="28">
        <v>488</v>
      </c>
      <c r="H18" s="28">
        <v>544</v>
      </c>
      <c r="I18" s="28">
        <v>18</v>
      </c>
      <c r="J18" s="28">
        <v>867</v>
      </c>
      <c r="K18" s="28">
        <v>340</v>
      </c>
      <c r="L18" s="28">
        <v>518</v>
      </c>
      <c r="M18" s="29">
        <v>9</v>
      </c>
      <c r="N18" s="7"/>
      <c r="O18" s="7"/>
      <c r="P18" s="7"/>
      <c r="Q18"/>
      <c r="R18"/>
      <c r="S18"/>
      <c r="T18"/>
      <c r="U18"/>
      <c r="V18"/>
      <c r="W18"/>
      <c r="X18"/>
      <c r="Y18"/>
      <c r="Z18"/>
      <c r="AA18"/>
      <c r="AB18"/>
      <c r="AC18"/>
    </row>
    <row r="19" spans="1:29" s="8" customFormat="1" ht="22.5" customHeight="1">
      <c r="A19" s="26"/>
      <c r="B19" s="5" t="s">
        <v>28</v>
      </c>
      <c r="C19" s="27"/>
      <c r="D19" s="2">
        <v>111</v>
      </c>
      <c r="E19" s="28">
        <v>292</v>
      </c>
      <c r="F19" s="28">
        <v>765</v>
      </c>
      <c r="G19" s="28">
        <v>262</v>
      </c>
      <c r="H19" s="28">
        <v>478</v>
      </c>
      <c r="I19" s="28">
        <v>25</v>
      </c>
      <c r="J19" s="28">
        <v>729</v>
      </c>
      <c r="K19" s="28">
        <v>258</v>
      </c>
      <c r="L19" s="28">
        <v>460</v>
      </c>
      <c r="M19" s="29">
        <v>11</v>
      </c>
      <c r="N19" s="7"/>
      <c r="O19" s="7"/>
      <c r="P19" s="7"/>
      <c r="Q19"/>
      <c r="R19"/>
      <c r="S19"/>
      <c r="T19"/>
      <c r="U19"/>
      <c r="V19"/>
      <c r="W19"/>
      <c r="X19"/>
      <c r="Y19"/>
      <c r="Z19"/>
      <c r="AA19"/>
      <c r="AB19"/>
      <c r="AC19"/>
    </row>
    <row r="20" spans="1:29" s="8" customFormat="1" ht="22.5" customHeight="1">
      <c r="A20" s="26"/>
      <c r="B20" s="5" t="s">
        <v>29</v>
      </c>
      <c r="C20" s="27"/>
      <c r="D20" s="2">
        <v>93</v>
      </c>
      <c r="E20" s="28">
        <v>213</v>
      </c>
      <c r="F20" s="28">
        <v>756</v>
      </c>
      <c r="G20" s="28">
        <v>316</v>
      </c>
      <c r="H20" s="28">
        <v>426</v>
      </c>
      <c r="I20" s="28">
        <v>14</v>
      </c>
      <c r="J20" s="28">
        <v>677</v>
      </c>
      <c r="K20" s="28">
        <v>267</v>
      </c>
      <c r="L20" s="28">
        <v>391</v>
      </c>
      <c r="M20" s="29">
        <v>19</v>
      </c>
      <c r="N20" s="7"/>
      <c r="O20" s="7"/>
      <c r="P20" s="7"/>
      <c r="Q20"/>
      <c r="R20"/>
      <c r="S20"/>
      <c r="T20"/>
      <c r="U20"/>
      <c r="V20"/>
      <c r="W20"/>
      <c r="X20"/>
      <c r="Y20"/>
      <c r="Z20"/>
      <c r="AA20"/>
      <c r="AB20"/>
      <c r="AC20"/>
    </row>
    <row r="21" spans="1:29" s="8" customFormat="1" ht="22.5" customHeight="1">
      <c r="A21" s="26"/>
      <c r="B21" s="5" t="s">
        <v>30</v>
      </c>
      <c r="C21" s="27"/>
      <c r="D21" s="2">
        <v>92</v>
      </c>
      <c r="E21" s="28">
        <v>189</v>
      </c>
      <c r="F21" s="28">
        <v>560</v>
      </c>
      <c r="G21" s="28">
        <v>230</v>
      </c>
      <c r="H21" s="28">
        <v>319</v>
      </c>
      <c r="I21" s="28">
        <v>11</v>
      </c>
      <c r="J21" s="28">
        <v>613</v>
      </c>
      <c r="K21" s="28">
        <v>277</v>
      </c>
      <c r="L21" s="28">
        <v>330</v>
      </c>
      <c r="M21" s="29">
        <v>6</v>
      </c>
      <c r="N21" s="7"/>
      <c r="O21" s="7"/>
      <c r="P21" s="7"/>
      <c r="Q21"/>
      <c r="R21"/>
      <c r="S21"/>
      <c r="T21"/>
      <c r="U21"/>
      <c r="V21"/>
      <c r="W21"/>
      <c r="X21"/>
      <c r="Y21"/>
      <c r="Z21"/>
      <c r="AA21"/>
      <c r="AB21"/>
      <c r="AC21"/>
    </row>
    <row r="22" spans="1:29" s="8" customFormat="1" ht="22.5" customHeight="1">
      <c r="A22" s="26"/>
      <c r="B22" s="5" t="s">
        <v>31</v>
      </c>
      <c r="C22" s="27"/>
      <c r="D22" s="2">
        <v>251</v>
      </c>
      <c r="E22" s="28">
        <v>257</v>
      </c>
      <c r="F22" s="28">
        <v>1678</v>
      </c>
      <c r="G22" s="28">
        <v>956</v>
      </c>
      <c r="H22" s="28">
        <v>693</v>
      </c>
      <c r="I22" s="28">
        <v>29</v>
      </c>
      <c r="J22" s="28">
        <v>1732</v>
      </c>
      <c r="K22" s="28">
        <v>906</v>
      </c>
      <c r="L22" s="28">
        <v>807</v>
      </c>
      <c r="M22" s="29">
        <v>19</v>
      </c>
      <c r="N22" s="7"/>
      <c r="O22" s="7"/>
      <c r="P22" s="7"/>
      <c r="Q22"/>
      <c r="R22"/>
      <c r="S22"/>
      <c r="T22"/>
      <c r="U22"/>
      <c r="V22"/>
      <c r="W22"/>
      <c r="X22"/>
      <c r="Y22"/>
      <c r="Z22"/>
      <c r="AA22"/>
      <c r="AB22"/>
      <c r="AC22"/>
    </row>
    <row r="23" spans="1:29" s="8" customFormat="1" ht="22.5" customHeight="1">
      <c r="A23" s="26"/>
      <c r="B23" s="5" t="s">
        <v>32</v>
      </c>
      <c r="C23" s="27"/>
      <c r="D23" s="2">
        <v>120</v>
      </c>
      <c r="E23" s="28">
        <v>159</v>
      </c>
      <c r="F23" s="28">
        <v>670</v>
      </c>
      <c r="G23" s="28">
        <v>303</v>
      </c>
      <c r="H23" s="28">
        <v>347</v>
      </c>
      <c r="I23" s="28">
        <v>20</v>
      </c>
      <c r="J23" s="28">
        <v>702</v>
      </c>
      <c r="K23" s="28">
        <v>332</v>
      </c>
      <c r="L23" s="28">
        <v>361</v>
      </c>
      <c r="M23" s="29">
        <v>9</v>
      </c>
      <c r="N23" s="7"/>
      <c r="O23" s="7"/>
      <c r="P23" s="7"/>
      <c r="Q23"/>
      <c r="R23"/>
      <c r="S23"/>
      <c r="T23"/>
      <c r="U23"/>
      <c r="V23"/>
      <c r="W23"/>
      <c r="X23"/>
      <c r="Y23"/>
      <c r="Z23"/>
      <c r="AA23"/>
      <c r="AB23"/>
      <c r="AC23"/>
    </row>
    <row r="24" spans="1:29" s="8" customFormat="1" ht="22.5" customHeight="1">
      <c r="A24" s="26"/>
      <c r="B24" s="5" t="s">
        <v>33</v>
      </c>
      <c r="C24" s="27"/>
      <c r="D24" s="2">
        <v>156</v>
      </c>
      <c r="E24" s="28">
        <v>240</v>
      </c>
      <c r="F24" s="28">
        <v>1161</v>
      </c>
      <c r="G24" s="28">
        <v>690</v>
      </c>
      <c r="H24" s="28">
        <v>438</v>
      </c>
      <c r="I24" s="28">
        <v>33</v>
      </c>
      <c r="J24" s="28">
        <v>1106</v>
      </c>
      <c r="K24" s="28">
        <v>611</v>
      </c>
      <c r="L24" s="28">
        <v>483</v>
      </c>
      <c r="M24" s="29">
        <v>12</v>
      </c>
      <c r="N24" s="7"/>
      <c r="O24" s="7"/>
      <c r="P24" s="7"/>
      <c r="Q24"/>
      <c r="R24"/>
      <c r="S24"/>
      <c r="T24"/>
      <c r="U24"/>
      <c r="V24"/>
      <c r="W24"/>
      <c r="X24"/>
      <c r="Y24"/>
      <c r="Z24"/>
      <c r="AA24"/>
      <c r="AB24"/>
      <c r="AC24"/>
    </row>
    <row r="25" spans="1:29" s="8" customFormat="1" ht="22.5" customHeight="1">
      <c r="A25" s="26"/>
      <c r="B25" s="5" t="s">
        <v>34</v>
      </c>
      <c r="C25" s="27"/>
      <c r="D25" s="2">
        <v>122</v>
      </c>
      <c r="E25" s="28">
        <v>148</v>
      </c>
      <c r="F25" s="28">
        <v>897</v>
      </c>
      <c r="G25" s="28">
        <v>537</v>
      </c>
      <c r="H25" s="28">
        <v>342</v>
      </c>
      <c r="I25" s="28">
        <v>18</v>
      </c>
      <c r="J25" s="28">
        <v>743</v>
      </c>
      <c r="K25" s="28">
        <v>362</v>
      </c>
      <c r="L25" s="28">
        <v>377</v>
      </c>
      <c r="M25" s="29">
        <v>4</v>
      </c>
      <c r="N25" s="7"/>
      <c r="O25" s="7"/>
      <c r="P25" s="7"/>
      <c r="Q25"/>
      <c r="R25"/>
      <c r="S25"/>
      <c r="T25"/>
      <c r="U25"/>
      <c r="V25"/>
      <c r="W25"/>
      <c r="X25"/>
      <c r="Y25"/>
      <c r="Z25"/>
      <c r="AA25"/>
      <c r="AB25"/>
      <c r="AC25"/>
    </row>
    <row r="26" spans="1:29" s="8" customFormat="1" ht="22.5" customHeight="1">
      <c r="A26" s="26"/>
      <c r="B26" s="5" t="s">
        <v>35</v>
      </c>
      <c r="C26" s="27"/>
      <c r="D26" s="2">
        <v>162</v>
      </c>
      <c r="E26" s="28">
        <v>271</v>
      </c>
      <c r="F26" s="28">
        <v>940</v>
      </c>
      <c r="G26" s="28">
        <v>419</v>
      </c>
      <c r="H26" s="28">
        <v>495</v>
      </c>
      <c r="I26" s="28">
        <v>26</v>
      </c>
      <c r="J26" s="28">
        <v>835</v>
      </c>
      <c r="K26" s="28">
        <v>349</v>
      </c>
      <c r="L26" s="28">
        <v>475</v>
      </c>
      <c r="M26" s="29">
        <v>11</v>
      </c>
      <c r="N26" s="7"/>
      <c r="O26" s="7"/>
      <c r="P26" s="7"/>
      <c r="Q26"/>
      <c r="R26"/>
      <c r="S26"/>
      <c r="T26"/>
      <c r="U26"/>
      <c r="V26"/>
      <c r="W26"/>
      <c r="X26"/>
      <c r="Y26"/>
      <c r="Z26"/>
      <c r="AA26"/>
      <c r="AB26"/>
      <c r="AC26"/>
    </row>
    <row r="27" spans="1:29" s="8" customFormat="1" ht="22.5" customHeight="1">
      <c r="A27" s="26"/>
      <c r="B27" s="5" t="s">
        <v>36</v>
      </c>
      <c r="C27" s="27"/>
      <c r="D27" s="2">
        <v>75</v>
      </c>
      <c r="E27" s="28">
        <v>125</v>
      </c>
      <c r="F27" s="28">
        <v>500</v>
      </c>
      <c r="G27" s="28">
        <v>195</v>
      </c>
      <c r="H27" s="28">
        <v>298</v>
      </c>
      <c r="I27" s="28">
        <v>7</v>
      </c>
      <c r="J27" s="28">
        <v>386</v>
      </c>
      <c r="K27" s="28">
        <v>134</v>
      </c>
      <c r="L27" s="28">
        <v>249</v>
      </c>
      <c r="M27" s="29">
        <v>3</v>
      </c>
      <c r="N27" s="7"/>
      <c r="O27" s="7"/>
      <c r="P27" s="7"/>
      <c r="Q27"/>
      <c r="R27"/>
      <c r="S27"/>
      <c r="T27"/>
      <c r="U27"/>
      <c r="V27"/>
      <c r="W27"/>
      <c r="X27"/>
      <c r="Y27"/>
      <c r="Z27"/>
      <c r="AA27"/>
      <c r="AB27"/>
      <c r="AC27"/>
    </row>
    <row r="28" spans="1:29" s="8" customFormat="1" ht="22.5" customHeight="1">
      <c r="A28" s="26"/>
      <c r="B28" s="5" t="s">
        <v>37</v>
      </c>
      <c r="C28" s="27"/>
      <c r="D28" s="2">
        <v>74</v>
      </c>
      <c r="E28" s="28">
        <v>144</v>
      </c>
      <c r="F28" s="28">
        <v>480</v>
      </c>
      <c r="G28" s="28">
        <v>157</v>
      </c>
      <c r="H28" s="28">
        <v>320</v>
      </c>
      <c r="I28" s="28">
        <v>3</v>
      </c>
      <c r="J28" s="28">
        <v>485</v>
      </c>
      <c r="K28" s="28">
        <v>131</v>
      </c>
      <c r="L28" s="28">
        <v>339</v>
      </c>
      <c r="M28" s="29">
        <v>15</v>
      </c>
      <c r="N28" s="7"/>
      <c r="O28" s="7"/>
      <c r="P28" s="7"/>
      <c r="Q28"/>
      <c r="R28"/>
      <c r="S28"/>
      <c r="T28"/>
      <c r="U28"/>
      <c r="V28"/>
      <c r="W28"/>
      <c r="X28"/>
      <c r="Y28"/>
      <c r="Z28"/>
      <c r="AA28"/>
      <c r="AB28"/>
      <c r="AC28"/>
    </row>
    <row r="29" spans="1:29" s="8" customFormat="1" ht="22.5" customHeight="1">
      <c r="A29" s="26"/>
      <c r="B29" s="5" t="s">
        <v>38</v>
      </c>
      <c r="C29" s="27"/>
      <c r="D29" s="2">
        <v>65</v>
      </c>
      <c r="E29" s="28">
        <v>135</v>
      </c>
      <c r="F29" s="28">
        <v>469</v>
      </c>
      <c r="G29" s="28">
        <v>147</v>
      </c>
      <c r="H29" s="28">
        <v>309</v>
      </c>
      <c r="I29" s="28">
        <v>13</v>
      </c>
      <c r="J29" s="28">
        <v>396</v>
      </c>
      <c r="K29" s="28">
        <v>142</v>
      </c>
      <c r="L29" s="28">
        <v>249</v>
      </c>
      <c r="M29" s="29">
        <v>5</v>
      </c>
      <c r="N29" s="7"/>
      <c r="O29" s="7"/>
      <c r="P29" s="7"/>
      <c r="Q29"/>
      <c r="R29"/>
      <c r="S29"/>
      <c r="T29"/>
      <c r="U29"/>
      <c r="V29"/>
      <c r="W29"/>
      <c r="X29"/>
      <c r="Y29"/>
      <c r="Z29"/>
      <c r="AA29"/>
      <c r="AB29"/>
      <c r="AC29"/>
    </row>
    <row r="30" spans="1:29" s="7" customFormat="1" ht="22.5" customHeight="1">
      <c r="A30" s="30"/>
      <c r="B30" s="73" t="s">
        <v>18</v>
      </c>
      <c r="C30" s="31"/>
      <c r="D30" s="4">
        <v>1049</v>
      </c>
      <c r="E30" s="32">
        <v>1195</v>
      </c>
      <c r="F30" s="32">
        <v>8136</v>
      </c>
      <c r="G30" s="32">
        <v>5190</v>
      </c>
      <c r="H30" s="32">
        <v>2881</v>
      </c>
      <c r="I30" s="32">
        <v>65</v>
      </c>
      <c r="J30" s="32">
        <v>7586</v>
      </c>
      <c r="K30" s="32">
        <v>4455</v>
      </c>
      <c r="L30" s="32">
        <v>3005</v>
      </c>
      <c r="M30" s="33">
        <v>126</v>
      </c>
      <c r="Q30"/>
      <c r="R30"/>
      <c r="S30"/>
      <c r="T30"/>
      <c r="U30"/>
      <c r="V30"/>
      <c r="W30"/>
      <c r="X30"/>
      <c r="Y30"/>
      <c r="Z30"/>
      <c r="AA30"/>
      <c r="AB30"/>
      <c r="AC30"/>
    </row>
    <row r="31" spans="1:29" s="7" customFormat="1" ht="22.5" customHeight="1">
      <c r="A31" s="26"/>
      <c r="B31" s="5" t="s">
        <v>39</v>
      </c>
      <c r="C31" s="27"/>
      <c r="D31" s="2">
        <v>136</v>
      </c>
      <c r="E31" s="28">
        <v>245</v>
      </c>
      <c r="F31" s="28">
        <v>1412</v>
      </c>
      <c r="G31" s="28">
        <v>1021</v>
      </c>
      <c r="H31" s="28">
        <v>376</v>
      </c>
      <c r="I31" s="28">
        <v>15</v>
      </c>
      <c r="J31" s="28">
        <v>1257</v>
      </c>
      <c r="K31" s="28">
        <v>730</v>
      </c>
      <c r="L31" s="28">
        <v>497</v>
      </c>
      <c r="M31" s="29">
        <v>30</v>
      </c>
      <c r="Q31"/>
      <c r="R31"/>
      <c r="S31"/>
      <c r="T31"/>
      <c r="U31"/>
      <c r="V31"/>
      <c r="W31"/>
      <c r="X31"/>
      <c r="Y31"/>
      <c r="Z31"/>
      <c r="AA31"/>
      <c r="AB31"/>
      <c r="AC31"/>
    </row>
    <row r="32" spans="1:29" s="7" customFormat="1" ht="22.5" customHeight="1">
      <c r="A32" s="26"/>
      <c r="B32" s="5" t="s">
        <v>76</v>
      </c>
      <c r="C32" s="27"/>
      <c r="D32" s="2">
        <v>132</v>
      </c>
      <c r="E32" s="28">
        <v>157</v>
      </c>
      <c r="F32" s="28">
        <v>891</v>
      </c>
      <c r="G32" s="28">
        <v>509</v>
      </c>
      <c r="H32" s="28">
        <v>378</v>
      </c>
      <c r="I32" s="28">
        <v>4</v>
      </c>
      <c r="J32" s="28">
        <v>809</v>
      </c>
      <c r="K32" s="28">
        <v>426</v>
      </c>
      <c r="L32" s="28">
        <v>367</v>
      </c>
      <c r="M32" s="29">
        <v>16</v>
      </c>
      <c r="Q32"/>
      <c r="R32"/>
      <c r="S32"/>
      <c r="T32"/>
      <c r="U32"/>
      <c r="V32"/>
      <c r="W32"/>
      <c r="X32"/>
      <c r="Y32"/>
      <c r="Z32"/>
      <c r="AA32"/>
      <c r="AB32"/>
      <c r="AC32"/>
    </row>
    <row r="33" spans="1:29" s="7" customFormat="1" ht="22.5" customHeight="1">
      <c r="A33" s="26"/>
      <c r="B33" s="5" t="s">
        <v>40</v>
      </c>
      <c r="C33" s="27"/>
      <c r="D33" s="2">
        <v>235</v>
      </c>
      <c r="E33" s="28">
        <v>157</v>
      </c>
      <c r="F33" s="28">
        <v>1604</v>
      </c>
      <c r="G33" s="28">
        <v>1007</v>
      </c>
      <c r="H33" s="28">
        <v>583</v>
      </c>
      <c r="I33" s="28">
        <v>14</v>
      </c>
      <c r="J33" s="28">
        <v>1619</v>
      </c>
      <c r="K33" s="28">
        <v>957</v>
      </c>
      <c r="L33" s="28">
        <v>651</v>
      </c>
      <c r="M33" s="29">
        <v>11</v>
      </c>
      <c r="Q33"/>
      <c r="R33"/>
      <c r="S33"/>
      <c r="T33"/>
      <c r="U33"/>
      <c r="V33"/>
      <c r="W33"/>
      <c r="X33"/>
      <c r="Y33"/>
      <c r="Z33"/>
      <c r="AA33"/>
      <c r="AB33"/>
      <c r="AC33"/>
    </row>
    <row r="34" spans="1:29" s="7" customFormat="1" ht="22.5" customHeight="1">
      <c r="A34" s="26"/>
      <c r="B34" s="5" t="s">
        <v>77</v>
      </c>
      <c r="C34" s="27"/>
      <c r="D34" s="2">
        <v>161</v>
      </c>
      <c r="E34" s="28">
        <v>167</v>
      </c>
      <c r="F34" s="28">
        <v>1325</v>
      </c>
      <c r="G34" s="28">
        <v>806</v>
      </c>
      <c r="H34" s="28">
        <v>505</v>
      </c>
      <c r="I34" s="28">
        <v>14</v>
      </c>
      <c r="J34" s="28">
        <v>1190</v>
      </c>
      <c r="K34" s="28">
        <v>655</v>
      </c>
      <c r="L34" s="28">
        <v>517</v>
      </c>
      <c r="M34" s="29">
        <v>18</v>
      </c>
      <c r="Q34"/>
      <c r="R34"/>
      <c r="S34"/>
      <c r="T34"/>
      <c r="U34"/>
      <c r="V34"/>
      <c r="W34"/>
      <c r="X34"/>
      <c r="Y34"/>
      <c r="Z34"/>
      <c r="AA34"/>
      <c r="AB34"/>
      <c r="AC34"/>
    </row>
    <row r="35" spans="1:29" s="7" customFormat="1" ht="22.5" customHeight="1">
      <c r="A35" s="26"/>
      <c r="B35" s="5" t="s">
        <v>41</v>
      </c>
      <c r="C35" s="27"/>
      <c r="D35" s="2">
        <v>149</v>
      </c>
      <c r="E35" s="28">
        <v>171</v>
      </c>
      <c r="F35" s="28">
        <v>1019</v>
      </c>
      <c r="G35" s="28">
        <v>611</v>
      </c>
      <c r="H35" s="28">
        <v>399</v>
      </c>
      <c r="I35" s="28">
        <v>9</v>
      </c>
      <c r="J35" s="28">
        <v>885</v>
      </c>
      <c r="K35" s="28">
        <v>484</v>
      </c>
      <c r="L35" s="28">
        <v>389</v>
      </c>
      <c r="M35" s="29">
        <v>12</v>
      </c>
      <c r="Q35"/>
      <c r="R35"/>
      <c r="S35"/>
      <c r="T35"/>
      <c r="U35"/>
      <c r="V35"/>
      <c r="W35"/>
      <c r="X35"/>
      <c r="Y35"/>
      <c r="Z35"/>
      <c r="AA35"/>
      <c r="AB35"/>
      <c r="AC35"/>
    </row>
    <row r="36" spans="1:29" s="7" customFormat="1" ht="22.5" customHeight="1">
      <c r="A36" s="26"/>
      <c r="B36" s="5" t="s">
        <v>42</v>
      </c>
      <c r="C36" s="27"/>
      <c r="D36" s="2">
        <v>140</v>
      </c>
      <c r="E36" s="28">
        <v>144</v>
      </c>
      <c r="F36" s="28">
        <v>1119</v>
      </c>
      <c r="G36" s="28">
        <v>756</v>
      </c>
      <c r="H36" s="28">
        <v>359</v>
      </c>
      <c r="I36" s="28">
        <v>4</v>
      </c>
      <c r="J36" s="28">
        <v>1138</v>
      </c>
      <c r="K36" s="28">
        <v>740</v>
      </c>
      <c r="L36" s="28">
        <v>375</v>
      </c>
      <c r="M36" s="29">
        <v>23</v>
      </c>
      <c r="Q36"/>
      <c r="R36"/>
      <c r="S36"/>
      <c r="T36"/>
      <c r="U36"/>
      <c r="V36"/>
      <c r="W36"/>
      <c r="X36"/>
      <c r="Y36"/>
      <c r="Z36"/>
      <c r="AA36"/>
      <c r="AB36"/>
      <c r="AC36"/>
    </row>
    <row r="37" spans="1:29" s="7" customFormat="1" ht="22.5" customHeight="1">
      <c r="A37" s="26"/>
      <c r="B37" s="5" t="s">
        <v>43</v>
      </c>
      <c r="C37" s="27"/>
      <c r="D37" s="2">
        <v>96</v>
      </c>
      <c r="E37" s="28">
        <v>154</v>
      </c>
      <c r="F37" s="28">
        <v>766</v>
      </c>
      <c r="G37" s="28">
        <v>480</v>
      </c>
      <c r="H37" s="28">
        <v>281</v>
      </c>
      <c r="I37" s="28">
        <v>5</v>
      </c>
      <c r="J37" s="28">
        <v>688</v>
      </c>
      <c r="K37" s="28">
        <v>463</v>
      </c>
      <c r="L37" s="28">
        <v>209</v>
      </c>
      <c r="M37" s="29">
        <v>16</v>
      </c>
      <c r="Q37"/>
      <c r="R37"/>
      <c r="S37"/>
      <c r="T37"/>
      <c r="U37"/>
      <c r="V37"/>
      <c r="W37"/>
      <c r="X37"/>
      <c r="Y37"/>
      <c r="Z37"/>
      <c r="AA37"/>
      <c r="AB37"/>
      <c r="AC37"/>
    </row>
    <row r="38" spans="1:29" s="7" customFormat="1" ht="22.5" customHeight="1">
      <c r="A38" s="30"/>
      <c r="B38" s="73" t="s">
        <v>44</v>
      </c>
      <c r="C38" s="31"/>
      <c r="D38" s="4">
        <v>372</v>
      </c>
      <c r="E38" s="32">
        <v>666</v>
      </c>
      <c r="F38" s="32">
        <v>2700</v>
      </c>
      <c r="G38" s="32">
        <v>1408</v>
      </c>
      <c r="H38" s="32">
        <v>1254</v>
      </c>
      <c r="I38" s="32">
        <v>38</v>
      </c>
      <c r="J38" s="32">
        <v>2383</v>
      </c>
      <c r="K38" s="32">
        <v>1307</v>
      </c>
      <c r="L38" s="32">
        <v>1016</v>
      </c>
      <c r="M38" s="33">
        <v>60</v>
      </c>
      <c r="Q38"/>
      <c r="R38"/>
      <c r="S38"/>
      <c r="T38"/>
      <c r="U38"/>
      <c r="V38"/>
      <c r="W38"/>
      <c r="X38"/>
      <c r="Y38"/>
      <c r="Z38"/>
      <c r="AA38"/>
      <c r="AB38"/>
      <c r="AC38"/>
    </row>
    <row r="39" spans="1:29" s="7" customFormat="1" ht="22.5" customHeight="1">
      <c r="A39" s="26"/>
      <c r="B39" s="5" t="s">
        <v>45</v>
      </c>
      <c r="C39" s="27"/>
      <c r="D39" s="2">
        <v>83</v>
      </c>
      <c r="E39" s="28">
        <v>144</v>
      </c>
      <c r="F39" s="28">
        <v>559</v>
      </c>
      <c r="G39" s="28">
        <v>343</v>
      </c>
      <c r="H39" s="28">
        <v>210</v>
      </c>
      <c r="I39" s="28">
        <v>6</v>
      </c>
      <c r="J39" s="28">
        <v>502</v>
      </c>
      <c r="K39" s="28">
        <v>309</v>
      </c>
      <c r="L39" s="28">
        <v>180</v>
      </c>
      <c r="M39" s="29">
        <v>13</v>
      </c>
      <c r="Q39"/>
      <c r="R39"/>
      <c r="S39"/>
      <c r="T39"/>
      <c r="U39"/>
      <c r="V39"/>
      <c r="W39"/>
      <c r="X39"/>
      <c r="Y39"/>
      <c r="Z39"/>
      <c r="AA39"/>
      <c r="AB39"/>
      <c r="AC39"/>
    </row>
    <row r="40" spans="1:29" s="7" customFormat="1" ht="22.5" customHeight="1">
      <c r="A40" s="26"/>
      <c r="B40" s="5" t="s">
        <v>46</v>
      </c>
      <c r="C40" s="27"/>
      <c r="D40" s="2">
        <v>134</v>
      </c>
      <c r="E40" s="28">
        <v>254</v>
      </c>
      <c r="F40" s="28">
        <v>986</v>
      </c>
      <c r="G40" s="28">
        <v>532</v>
      </c>
      <c r="H40" s="28">
        <v>439</v>
      </c>
      <c r="I40" s="28">
        <v>15</v>
      </c>
      <c r="J40" s="28">
        <v>875</v>
      </c>
      <c r="K40" s="28">
        <v>450</v>
      </c>
      <c r="L40" s="28">
        <v>396</v>
      </c>
      <c r="M40" s="29">
        <v>29</v>
      </c>
      <c r="Q40"/>
      <c r="R40"/>
      <c r="S40"/>
      <c r="T40"/>
      <c r="U40"/>
      <c r="V40"/>
      <c r="W40"/>
      <c r="X40"/>
      <c r="Y40"/>
      <c r="Z40"/>
      <c r="AA40"/>
      <c r="AB40"/>
      <c r="AC40"/>
    </row>
    <row r="41" spans="1:29" s="7" customFormat="1" ht="22.5" customHeight="1">
      <c r="A41" s="26"/>
      <c r="B41" s="5" t="s">
        <v>47</v>
      </c>
      <c r="C41" s="27"/>
      <c r="D41" s="2">
        <v>155</v>
      </c>
      <c r="E41" s="28">
        <v>268</v>
      </c>
      <c r="F41" s="28">
        <v>1155</v>
      </c>
      <c r="G41" s="28">
        <v>533</v>
      </c>
      <c r="H41" s="28">
        <v>605</v>
      </c>
      <c r="I41" s="28">
        <v>17</v>
      </c>
      <c r="J41" s="28">
        <v>1006</v>
      </c>
      <c r="K41" s="28">
        <v>548</v>
      </c>
      <c r="L41" s="28">
        <v>440</v>
      </c>
      <c r="M41" s="29">
        <v>18</v>
      </c>
      <c r="Q41"/>
      <c r="R41"/>
      <c r="S41"/>
      <c r="T41"/>
      <c r="U41"/>
      <c r="V41"/>
      <c r="W41"/>
      <c r="X41"/>
      <c r="Y41"/>
      <c r="Z41"/>
      <c r="AA41"/>
      <c r="AB41"/>
      <c r="AC41"/>
    </row>
    <row r="42" spans="1:29" s="7" customFormat="1" ht="9.75" customHeight="1" thickBot="1">
      <c r="A42" s="34"/>
      <c r="B42" s="51"/>
      <c r="C42" s="44"/>
      <c r="D42" s="74"/>
      <c r="E42" s="75"/>
      <c r="F42" s="75"/>
      <c r="G42" s="75"/>
      <c r="H42" s="75"/>
      <c r="I42" s="75"/>
      <c r="J42" s="75"/>
      <c r="K42" s="75"/>
      <c r="L42" s="75"/>
      <c r="M42" s="76"/>
      <c r="Q42"/>
      <c r="R42"/>
      <c r="S42"/>
      <c r="T42"/>
      <c r="U42"/>
      <c r="V42"/>
      <c r="W42"/>
      <c r="X42"/>
      <c r="Y42"/>
      <c r="Z42"/>
      <c r="AA42"/>
      <c r="AB42"/>
      <c r="AC42"/>
    </row>
    <row r="43" spans="1:29" s="7" customFormat="1" ht="22.5" customHeight="1">
      <c r="A43" s="26"/>
      <c r="B43" s="5" t="s">
        <v>15</v>
      </c>
      <c r="C43" s="27"/>
      <c r="D43" s="2">
        <v>126</v>
      </c>
      <c r="E43" s="28">
        <v>483</v>
      </c>
      <c r="F43" s="28">
        <v>999</v>
      </c>
      <c r="G43" s="28">
        <v>554</v>
      </c>
      <c r="H43" s="28">
        <v>369</v>
      </c>
      <c r="I43" s="28">
        <v>76</v>
      </c>
      <c r="J43" s="28">
        <v>890</v>
      </c>
      <c r="K43" s="28">
        <v>446</v>
      </c>
      <c r="L43" s="28">
        <v>440</v>
      </c>
      <c r="M43" s="29">
        <v>4</v>
      </c>
      <c r="N43"/>
      <c r="U43" s="8"/>
      <c r="V43" s="8"/>
      <c r="W43" s="8"/>
      <c r="X43" s="8"/>
    </row>
    <row r="44" spans="1:29" s="8" customFormat="1" ht="22.5" customHeight="1">
      <c r="A44" s="26"/>
      <c r="B44" s="5" t="s">
        <v>1</v>
      </c>
      <c r="C44" s="27"/>
      <c r="D44" s="2">
        <v>110</v>
      </c>
      <c r="E44" s="28">
        <v>286</v>
      </c>
      <c r="F44" s="28">
        <v>780</v>
      </c>
      <c r="G44" s="28">
        <v>338</v>
      </c>
      <c r="H44" s="28">
        <v>393</v>
      </c>
      <c r="I44" s="28">
        <v>49</v>
      </c>
      <c r="J44" s="28">
        <v>625</v>
      </c>
      <c r="K44" s="28">
        <v>260</v>
      </c>
      <c r="L44" s="28">
        <v>343</v>
      </c>
      <c r="M44" s="29">
        <v>22</v>
      </c>
      <c r="N44"/>
      <c r="O44" s="7"/>
      <c r="P44" s="7"/>
      <c r="Q44" s="7"/>
      <c r="R44" s="7"/>
      <c r="S44" s="7"/>
      <c r="T44" s="7"/>
    </row>
    <row r="45" spans="1:29" s="8" customFormat="1" ht="22.5" customHeight="1">
      <c r="A45" s="26"/>
      <c r="B45" s="5" t="s">
        <v>6</v>
      </c>
      <c r="C45" s="27"/>
      <c r="D45" s="2">
        <v>85</v>
      </c>
      <c r="E45" s="28">
        <v>165</v>
      </c>
      <c r="F45" s="28">
        <v>529</v>
      </c>
      <c r="G45" s="28">
        <v>301</v>
      </c>
      <c r="H45" s="28">
        <v>221</v>
      </c>
      <c r="I45" s="28">
        <v>7</v>
      </c>
      <c r="J45" s="28">
        <v>532</v>
      </c>
      <c r="K45" s="28">
        <v>251</v>
      </c>
      <c r="L45" s="28">
        <v>273</v>
      </c>
      <c r="M45" s="29">
        <v>8</v>
      </c>
      <c r="N45"/>
      <c r="O45" s="7"/>
      <c r="P45" s="7"/>
      <c r="Q45" s="7"/>
      <c r="R45" s="7"/>
      <c r="S45" s="7"/>
      <c r="T45" s="7"/>
    </row>
    <row r="46" spans="1:29" s="8" customFormat="1" ht="22.5" customHeight="1">
      <c r="A46" s="26"/>
      <c r="B46" s="5" t="s">
        <v>0</v>
      </c>
      <c r="C46" s="27"/>
      <c r="D46" s="2">
        <v>268</v>
      </c>
      <c r="E46" s="28">
        <v>411</v>
      </c>
      <c r="F46" s="28">
        <v>1554</v>
      </c>
      <c r="G46" s="28">
        <v>814</v>
      </c>
      <c r="H46" s="28">
        <v>724</v>
      </c>
      <c r="I46" s="28">
        <v>16</v>
      </c>
      <c r="J46" s="28">
        <v>1305</v>
      </c>
      <c r="K46" s="28">
        <v>638</v>
      </c>
      <c r="L46" s="28">
        <v>647</v>
      </c>
      <c r="M46" s="29">
        <v>20</v>
      </c>
      <c r="N46"/>
      <c r="O46" s="7"/>
      <c r="P46" s="7"/>
      <c r="Q46" s="7"/>
      <c r="R46" s="7"/>
      <c r="S46" s="7"/>
      <c r="T46" s="7"/>
    </row>
    <row r="47" spans="1:29" s="8" customFormat="1" ht="22.5" customHeight="1">
      <c r="A47" s="26"/>
      <c r="B47" s="5" t="s">
        <v>5</v>
      </c>
      <c r="C47" s="27"/>
      <c r="D47" s="2">
        <v>75</v>
      </c>
      <c r="E47" s="28">
        <v>212</v>
      </c>
      <c r="F47" s="28">
        <v>576</v>
      </c>
      <c r="G47" s="28">
        <v>287</v>
      </c>
      <c r="H47" s="28">
        <v>285</v>
      </c>
      <c r="I47" s="28">
        <v>4</v>
      </c>
      <c r="J47" s="28">
        <v>454</v>
      </c>
      <c r="K47" s="28">
        <v>223</v>
      </c>
      <c r="L47" s="28">
        <v>229</v>
      </c>
      <c r="M47" s="29">
        <v>2</v>
      </c>
      <c r="N47"/>
      <c r="O47" s="7"/>
      <c r="P47" s="7"/>
      <c r="Q47" s="7"/>
      <c r="R47" s="7"/>
      <c r="S47" s="7"/>
      <c r="T47" s="7"/>
    </row>
    <row r="48" spans="1:29" s="8" customFormat="1" ht="22.5" customHeight="1">
      <c r="A48" s="26"/>
      <c r="B48" s="5" t="s">
        <v>2</v>
      </c>
      <c r="C48" s="27"/>
      <c r="D48" s="2">
        <v>124</v>
      </c>
      <c r="E48" s="28">
        <v>259</v>
      </c>
      <c r="F48" s="28">
        <v>780</v>
      </c>
      <c r="G48" s="28">
        <v>381</v>
      </c>
      <c r="H48" s="28">
        <v>394</v>
      </c>
      <c r="I48" s="28">
        <v>5</v>
      </c>
      <c r="J48" s="28">
        <v>610</v>
      </c>
      <c r="K48" s="28">
        <v>276</v>
      </c>
      <c r="L48" s="28">
        <v>328</v>
      </c>
      <c r="M48" s="29">
        <v>6</v>
      </c>
      <c r="N48"/>
      <c r="O48" s="7"/>
      <c r="P48" s="7"/>
      <c r="Q48" s="7"/>
      <c r="R48" s="7"/>
      <c r="S48" s="7"/>
      <c r="T48" s="7"/>
    </row>
    <row r="49" spans="1:20" s="8" customFormat="1" ht="22.5" customHeight="1">
      <c r="A49" s="26"/>
      <c r="B49" s="5" t="s">
        <v>12</v>
      </c>
      <c r="C49" s="27"/>
      <c r="D49" s="2">
        <v>28</v>
      </c>
      <c r="E49" s="28">
        <v>82</v>
      </c>
      <c r="F49" s="28">
        <v>168</v>
      </c>
      <c r="G49" s="28">
        <v>66</v>
      </c>
      <c r="H49" s="28">
        <v>99</v>
      </c>
      <c r="I49" s="28">
        <v>3</v>
      </c>
      <c r="J49" s="28">
        <v>140</v>
      </c>
      <c r="K49" s="28">
        <v>54</v>
      </c>
      <c r="L49" s="28">
        <v>82</v>
      </c>
      <c r="M49" s="29">
        <v>4</v>
      </c>
      <c r="N49"/>
      <c r="O49" s="7"/>
      <c r="P49" s="7"/>
      <c r="Q49" s="7"/>
      <c r="R49" s="7"/>
      <c r="S49" s="7"/>
      <c r="T49" s="7"/>
    </row>
    <row r="50" spans="1:20" s="8" customFormat="1" ht="22.5" customHeight="1">
      <c r="A50" s="26"/>
      <c r="B50" s="5" t="s">
        <v>13</v>
      </c>
      <c r="C50" s="27"/>
      <c r="D50" s="2">
        <v>11</v>
      </c>
      <c r="E50" s="28">
        <v>79</v>
      </c>
      <c r="F50" s="28">
        <v>100</v>
      </c>
      <c r="G50" s="28">
        <v>50</v>
      </c>
      <c r="H50" s="28">
        <v>50</v>
      </c>
      <c r="I50" s="28">
        <v>0</v>
      </c>
      <c r="J50" s="28">
        <v>93</v>
      </c>
      <c r="K50" s="28">
        <v>38</v>
      </c>
      <c r="L50" s="28">
        <v>55</v>
      </c>
      <c r="M50" s="29">
        <v>0</v>
      </c>
      <c r="N50"/>
      <c r="O50" s="7"/>
      <c r="P50" s="7"/>
      <c r="Q50" s="7"/>
      <c r="R50" s="7"/>
      <c r="S50" s="7"/>
      <c r="T50" s="7"/>
    </row>
    <row r="51" spans="1:20" s="8" customFormat="1" ht="22.5" customHeight="1">
      <c r="A51" s="26"/>
      <c r="B51" s="5" t="s">
        <v>7</v>
      </c>
      <c r="C51" s="27"/>
      <c r="D51" s="2">
        <v>77</v>
      </c>
      <c r="E51" s="28">
        <v>181</v>
      </c>
      <c r="F51" s="28">
        <v>514</v>
      </c>
      <c r="G51" s="28">
        <v>254</v>
      </c>
      <c r="H51" s="28">
        <v>255</v>
      </c>
      <c r="I51" s="28">
        <v>5</v>
      </c>
      <c r="J51" s="28">
        <v>430</v>
      </c>
      <c r="K51" s="28">
        <v>181</v>
      </c>
      <c r="L51" s="28">
        <v>242</v>
      </c>
      <c r="M51" s="29">
        <v>7</v>
      </c>
      <c r="N51"/>
      <c r="O51" s="7"/>
      <c r="P51" s="7"/>
      <c r="Q51" s="7"/>
      <c r="R51" s="7"/>
      <c r="S51" s="7"/>
      <c r="T51" s="7"/>
    </row>
    <row r="52" spans="1:20" s="8" customFormat="1" ht="22.5" customHeight="1">
      <c r="A52" s="26"/>
      <c r="B52" s="5" t="s">
        <v>4</v>
      </c>
      <c r="C52" s="27"/>
      <c r="D52" s="2">
        <v>102</v>
      </c>
      <c r="E52" s="28">
        <v>196</v>
      </c>
      <c r="F52" s="28">
        <v>850</v>
      </c>
      <c r="G52" s="28">
        <v>466</v>
      </c>
      <c r="H52" s="28">
        <v>364</v>
      </c>
      <c r="I52" s="28">
        <v>20</v>
      </c>
      <c r="J52" s="28">
        <v>716</v>
      </c>
      <c r="K52" s="28">
        <v>338</v>
      </c>
      <c r="L52" s="28">
        <v>350</v>
      </c>
      <c r="M52" s="29">
        <v>28</v>
      </c>
      <c r="N52"/>
      <c r="O52" s="7"/>
      <c r="P52" s="7"/>
      <c r="Q52" s="7"/>
      <c r="R52" s="7"/>
      <c r="S52" s="7"/>
      <c r="T52" s="7"/>
    </row>
    <row r="53" spans="1:20" s="8" customFormat="1" ht="22.5" customHeight="1">
      <c r="A53" s="26"/>
      <c r="B53" s="5" t="s">
        <v>3</v>
      </c>
      <c r="C53" s="27"/>
      <c r="D53" s="2">
        <v>155</v>
      </c>
      <c r="E53" s="28">
        <v>197</v>
      </c>
      <c r="F53" s="28">
        <v>960</v>
      </c>
      <c r="G53" s="28">
        <v>358</v>
      </c>
      <c r="H53" s="28">
        <v>529</v>
      </c>
      <c r="I53" s="28">
        <v>73</v>
      </c>
      <c r="J53" s="28">
        <v>862</v>
      </c>
      <c r="K53" s="28">
        <v>324</v>
      </c>
      <c r="L53" s="28">
        <v>488</v>
      </c>
      <c r="M53" s="29">
        <v>50</v>
      </c>
      <c r="N53"/>
      <c r="O53" s="7"/>
      <c r="P53" s="7"/>
      <c r="Q53" s="7"/>
      <c r="R53" s="7"/>
      <c r="S53" s="7"/>
      <c r="T53" s="7"/>
    </row>
    <row r="54" spans="1:20" s="8" customFormat="1" ht="22.5" customHeight="1">
      <c r="A54" s="26"/>
      <c r="B54" s="5" t="s">
        <v>10</v>
      </c>
      <c r="C54" s="27"/>
      <c r="D54" s="2">
        <v>51</v>
      </c>
      <c r="E54" s="28">
        <v>101</v>
      </c>
      <c r="F54" s="28">
        <v>441</v>
      </c>
      <c r="G54" s="28">
        <v>245</v>
      </c>
      <c r="H54" s="28">
        <v>189</v>
      </c>
      <c r="I54" s="28">
        <v>7</v>
      </c>
      <c r="J54" s="28">
        <v>347</v>
      </c>
      <c r="K54" s="28">
        <v>138</v>
      </c>
      <c r="L54" s="28">
        <v>208</v>
      </c>
      <c r="M54" s="29">
        <v>1</v>
      </c>
      <c r="N54"/>
      <c r="O54" s="7"/>
      <c r="P54" s="7"/>
      <c r="Q54" s="7"/>
      <c r="R54" s="7"/>
      <c r="S54" s="7"/>
      <c r="T54" s="7"/>
    </row>
    <row r="55" spans="1:20" s="8" customFormat="1" ht="22.5" customHeight="1">
      <c r="A55" s="26"/>
      <c r="B55" s="5" t="s">
        <v>8</v>
      </c>
      <c r="C55" s="27"/>
      <c r="D55" s="2">
        <v>99</v>
      </c>
      <c r="E55" s="28">
        <v>120</v>
      </c>
      <c r="F55" s="28">
        <v>531</v>
      </c>
      <c r="G55" s="28">
        <v>249</v>
      </c>
      <c r="H55" s="28">
        <v>278</v>
      </c>
      <c r="I55" s="28">
        <v>4</v>
      </c>
      <c r="J55" s="28">
        <v>494</v>
      </c>
      <c r="K55" s="28">
        <v>209</v>
      </c>
      <c r="L55" s="28">
        <v>280</v>
      </c>
      <c r="M55" s="29">
        <v>5</v>
      </c>
      <c r="N55"/>
      <c r="O55" s="7"/>
      <c r="P55" s="7"/>
      <c r="Q55" s="7"/>
      <c r="R55" s="7"/>
      <c r="S55" s="7"/>
      <c r="T55" s="7"/>
    </row>
    <row r="56" spans="1:20" s="8" customFormat="1" ht="22.5" customHeight="1">
      <c r="A56" s="26"/>
      <c r="B56" s="5" t="s">
        <v>9</v>
      </c>
      <c r="C56" s="27"/>
      <c r="D56" s="2">
        <v>51</v>
      </c>
      <c r="E56" s="28">
        <v>150</v>
      </c>
      <c r="F56" s="28">
        <v>476</v>
      </c>
      <c r="G56" s="28">
        <v>198</v>
      </c>
      <c r="H56" s="28">
        <v>273</v>
      </c>
      <c r="I56" s="28">
        <v>5</v>
      </c>
      <c r="J56" s="28">
        <v>439</v>
      </c>
      <c r="K56" s="28">
        <v>173</v>
      </c>
      <c r="L56" s="28">
        <v>254</v>
      </c>
      <c r="M56" s="29">
        <v>12</v>
      </c>
      <c r="N56"/>
      <c r="O56" s="7"/>
      <c r="P56" s="7"/>
      <c r="Q56" s="7"/>
      <c r="R56" s="7"/>
      <c r="S56" s="7"/>
      <c r="T56" s="7"/>
    </row>
    <row r="57" spans="1:20" s="8" customFormat="1" ht="22.5" customHeight="1">
      <c r="A57" s="26"/>
      <c r="B57" s="5" t="s">
        <v>14</v>
      </c>
      <c r="C57" s="27"/>
      <c r="D57" s="2">
        <v>9</v>
      </c>
      <c r="E57" s="28">
        <v>57</v>
      </c>
      <c r="F57" s="28">
        <v>122</v>
      </c>
      <c r="G57" s="28">
        <v>52</v>
      </c>
      <c r="H57" s="28">
        <v>69</v>
      </c>
      <c r="I57" s="28">
        <v>1</v>
      </c>
      <c r="J57" s="28">
        <v>110</v>
      </c>
      <c r="K57" s="28">
        <v>51</v>
      </c>
      <c r="L57" s="28">
        <v>56</v>
      </c>
      <c r="M57" s="29">
        <v>3</v>
      </c>
      <c r="N57"/>
      <c r="O57" s="7"/>
      <c r="P57" s="7"/>
      <c r="Q57" s="7"/>
      <c r="R57" s="7"/>
      <c r="S57" s="7"/>
      <c r="T57" s="7"/>
    </row>
    <row r="58" spans="1:20" s="8" customFormat="1" ht="22.5" customHeight="1">
      <c r="A58" s="26"/>
      <c r="B58" s="5" t="s">
        <v>11</v>
      </c>
      <c r="C58" s="27"/>
      <c r="D58" s="2">
        <v>36</v>
      </c>
      <c r="E58" s="28">
        <v>72</v>
      </c>
      <c r="F58" s="28">
        <v>308</v>
      </c>
      <c r="G58" s="28">
        <v>121</v>
      </c>
      <c r="H58" s="28">
        <v>178</v>
      </c>
      <c r="I58" s="28">
        <v>9</v>
      </c>
      <c r="J58" s="28">
        <v>273</v>
      </c>
      <c r="K58" s="28">
        <v>83</v>
      </c>
      <c r="L58" s="28">
        <v>171</v>
      </c>
      <c r="M58" s="29">
        <v>19</v>
      </c>
      <c r="N58"/>
      <c r="O58" s="7"/>
      <c r="P58" s="7"/>
      <c r="Q58" s="7"/>
      <c r="R58" s="7"/>
      <c r="S58" s="7"/>
      <c r="T58" s="7"/>
    </row>
    <row r="59" spans="1:20" s="8" customFormat="1" ht="22.5" customHeight="1">
      <c r="A59" s="37"/>
      <c r="B59" s="6" t="s">
        <v>78</v>
      </c>
      <c r="C59" s="27"/>
      <c r="D59" s="2">
        <v>4</v>
      </c>
      <c r="E59" s="28">
        <v>38</v>
      </c>
      <c r="F59" s="28">
        <v>80</v>
      </c>
      <c r="G59" s="28">
        <v>48</v>
      </c>
      <c r="H59" s="28">
        <v>31</v>
      </c>
      <c r="I59" s="28">
        <v>1</v>
      </c>
      <c r="J59" s="28">
        <v>104</v>
      </c>
      <c r="K59" s="28">
        <v>42</v>
      </c>
      <c r="L59" s="28">
        <v>59</v>
      </c>
      <c r="M59" s="29">
        <v>3</v>
      </c>
      <c r="N59"/>
      <c r="O59" s="7"/>
      <c r="P59" s="7"/>
      <c r="Q59" s="7"/>
      <c r="R59" s="7"/>
      <c r="S59" s="7"/>
      <c r="T59" s="7"/>
    </row>
    <row r="60" spans="1:20" s="8" customFormat="1" ht="22.5" customHeight="1">
      <c r="A60" s="37"/>
      <c r="B60" s="6" t="s">
        <v>79</v>
      </c>
      <c r="C60" s="27"/>
      <c r="D60" s="2">
        <v>39</v>
      </c>
      <c r="E60" s="28">
        <v>47</v>
      </c>
      <c r="F60" s="28">
        <v>164</v>
      </c>
      <c r="G60" s="28">
        <v>55</v>
      </c>
      <c r="H60" s="28">
        <v>109</v>
      </c>
      <c r="I60" s="28">
        <v>0</v>
      </c>
      <c r="J60" s="28">
        <v>158</v>
      </c>
      <c r="K60" s="28">
        <v>49</v>
      </c>
      <c r="L60" s="28">
        <v>109</v>
      </c>
      <c r="M60" s="29">
        <v>0</v>
      </c>
      <c r="N60"/>
      <c r="O60" s="7"/>
      <c r="P60" s="7"/>
      <c r="Q60" s="7"/>
      <c r="R60" s="7"/>
      <c r="S60" s="7"/>
      <c r="T60" s="7"/>
    </row>
    <row r="61" spans="1:20" s="8" customFormat="1" ht="22.5" customHeight="1">
      <c r="A61" s="30"/>
      <c r="B61" s="73" t="s">
        <v>19</v>
      </c>
      <c r="C61" s="31"/>
      <c r="D61" s="4">
        <v>19</v>
      </c>
      <c r="E61" s="32">
        <v>75</v>
      </c>
      <c r="F61" s="32">
        <v>173</v>
      </c>
      <c r="G61" s="32">
        <v>62</v>
      </c>
      <c r="H61" s="32">
        <v>105</v>
      </c>
      <c r="I61" s="32">
        <v>6</v>
      </c>
      <c r="J61" s="32">
        <v>170</v>
      </c>
      <c r="K61" s="32">
        <v>63</v>
      </c>
      <c r="L61" s="32">
        <v>100</v>
      </c>
      <c r="M61" s="33">
        <v>7</v>
      </c>
      <c r="N61"/>
      <c r="O61" s="7"/>
      <c r="P61" s="7"/>
      <c r="Q61" s="7"/>
      <c r="R61" s="7"/>
      <c r="S61" s="7"/>
      <c r="T61" s="7"/>
    </row>
    <row r="62" spans="1:20" s="8" customFormat="1" ht="22.5" customHeight="1">
      <c r="A62" s="26"/>
      <c r="B62" s="5" t="s">
        <v>48</v>
      </c>
      <c r="C62" s="27"/>
      <c r="D62" s="2">
        <v>10</v>
      </c>
      <c r="E62" s="28">
        <v>28</v>
      </c>
      <c r="F62" s="28">
        <v>72</v>
      </c>
      <c r="G62" s="28">
        <v>24</v>
      </c>
      <c r="H62" s="28">
        <v>48</v>
      </c>
      <c r="I62" s="28">
        <v>0</v>
      </c>
      <c r="J62" s="28">
        <v>90</v>
      </c>
      <c r="K62" s="28">
        <v>35</v>
      </c>
      <c r="L62" s="28">
        <v>48</v>
      </c>
      <c r="M62" s="29">
        <v>7</v>
      </c>
      <c r="N62"/>
      <c r="O62" s="7"/>
      <c r="P62" s="7"/>
      <c r="Q62" s="7"/>
      <c r="R62" s="7"/>
      <c r="S62" s="7"/>
      <c r="T62" s="7"/>
    </row>
    <row r="63" spans="1:20" s="8" customFormat="1" ht="22.5" customHeight="1">
      <c r="A63" s="26"/>
      <c r="B63" s="5" t="s">
        <v>49</v>
      </c>
      <c r="C63" s="27"/>
      <c r="D63" s="2">
        <v>9</v>
      </c>
      <c r="E63" s="28">
        <v>47</v>
      </c>
      <c r="F63" s="28">
        <v>101</v>
      </c>
      <c r="G63" s="28">
        <v>38</v>
      </c>
      <c r="H63" s="28">
        <v>57</v>
      </c>
      <c r="I63" s="28">
        <v>6</v>
      </c>
      <c r="J63" s="28">
        <v>80</v>
      </c>
      <c r="K63" s="28">
        <v>28</v>
      </c>
      <c r="L63" s="28">
        <v>52</v>
      </c>
      <c r="M63" s="29">
        <v>0</v>
      </c>
      <c r="N63"/>
      <c r="O63" s="7"/>
      <c r="P63" s="7"/>
      <c r="Q63" s="7"/>
      <c r="R63" s="7"/>
      <c r="S63" s="7"/>
      <c r="T63" s="7"/>
    </row>
    <row r="64" spans="1:20" s="8" customFormat="1" ht="22.5" customHeight="1">
      <c r="A64" s="30"/>
      <c r="B64" s="73" t="s">
        <v>20</v>
      </c>
      <c r="C64" s="31"/>
      <c r="D64" s="4">
        <v>37</v>
      </c>
      <c r="E64" s="32">
        <v>74</v>
      </c>
      <c r="F64" s="32">
        <v>258</v>
      </c>
      <c r="G64" s="32">
        <v>133</v>
      </c>
      <c r="H64" s="32">
        <v>124</v>
      </c>
      <c r="I64" s="32">
        <v>1</v>
      </c>
      <c r="J64" s="32">
        <v>209</v>
      </c>
      <c r="K64" s="32">
        <v>87</v>
      </c>
      <c r="L64" s="32">
        <v>118</v>
      </c>
      <c r="M64" s="33">
        <v>4</v>
      </c>
      <c r="N64"/>
      <c r="O64" s="7"/>
      <c r="P64" s="7"/>
      <c r="Q64" s="7"/>
      <c r="R64" s="7"/>
      <c r="S64" s="7"/>
      <c r="T64" s="7"/>
    </row>
    <row r="65" spans="1:20" s="8" customFormat="1" ht="22.5" customHeight="1">
      <c r="A65" s="26"/>
      <c r="B65" s="5" t="s">
        <v>50</v>
      </c>
      <c r="C65" s="27"/>
      <c r="D65" s="2">
        <v>2</v>
      </c>
      <c r="E65" s="28">
        <v>12</v>
      </c>
      <c r="F65" s="28">
        <v>37</v>
      </c>
      <c r="G65" s="28">
        <v>15</v>
      </c>
      <c r="H65" s="28">
        <v>21</v>
      </c>
      <c r="I65" s="28">
        <v>1</v>
      </c>
      <c r="J65" s="28">
        <v>31</v>
      </c>
      <c r="K65" s="28">
        <v>12</v>
      </c>
      <c r="L65" s="28">
        <v>16</v>
      </c>
      <c r="M65" s="29">
        <v>3</v>
      </c>
      <c r="N65"/>
      <c r="O65" s="7"/>
      <c r="P65" s="7"/>
      <c r="Q65" s="7"/>
      <c r="R65" s="7"/>
      <c r="S65" s="7"/>
      <c r="T65" s="7"/>
    </row>
    <row r="66" spans="1:20" s="8" customFormat="1" ht="22.5" customHeight="1">
      <c r="A66" s="26"/>
      <c r="B66" s="5" t="s">
        <v>51</v>
      </c>
      <c r="C66" s="27"/>
      <c r="D66" s="2">
        <v>13</v>
      </c>
      <c r="E66" s="28">
        <v>24</v>
      </c>
      <c r="F66" s="28">
        <v>59</v>
      </c>
      <c r="G66" s="28">
        <v>12</v>
      </c>
      <c r="H66" s="28">
        <v>47</v>
      </c>
      <c r="I66" s="28">
        <v>0</v>
      </c>
      <c r="J66" s="28">
        <v>43</v>
      </c>
      <c r="K66" s="28">
        <v>14</v>
      </c>
      <c r="L66" s="28">
        <v>29</v>
      </c>
      <c r="M66" s="29">
        <v>0</v>
      </c>
      <c r="N66"/>
      <c r="O66" s="7"/>
      <c r="P66" s="7"/>
      <c r="Q66" s="7"/>
      <c r="R66" s="7"/>
      <c r="S66" s="7"/>
      <c r="T66" s="7"/>
    </row>
    <row r="67" spans="1:20" s="8" customFormat="1" ht="22.5" customHeight="1">
      <c r="A67" s="26"/>
      <c r="B67" s="5" t="s">
        <v>52</v>
      </c>
      <c r="C67" s="27"/>
      <c r="D67" s="2">
        <v>5</v>
      </c>
      <c r="E67" s="28">
        <v>10</v>
      </c>
      <c r="F67" s="28">
        <v>86</v>
      </c>
      <c r="G67" s="28">
        <v>77</v>
      </c>
      <c r="H67" s="28">
        <v>9</v>
      </c>
      <c r="I67" s="28">
        <v>0</v>
      </c>
      <c r="J67" s="28">
        <v>59</v>
      </c>
      <c r="K67" s="28">
        <v>36</v>
      </c>
      <c r="L67" s="28">
        <v>22</v>
      </c>
      <c r="M67" s="29">
        <v>1</v>
      </c>
      <c r="N67"/>
      <c r="O67" s="7"/>
      <c r="P67" s="7"/>
      <c r="Q67" s="7"/>
      <c r="R67" s="7"/>
      <c r="S67" s="7"/>
      <c r="T67" s="7"/>
    </row>
    <row r="68" spans="1:20" s="8" customFormat="1" ht="22.5" customHeight="1">
      <c r="A68" s="26"/>
      <c r="B68" s="5" t="s">
        <v>53</v>
      </c>
      <c r="C68" s="27"/>
      <c r="D68" s="2">
        <v>1</v>
      </c>
      <c r="E68" s="28">
        <v>15</v>
      </c>
      <c r="F68" s="28">
        <v>30</v>
      </c>
      <c r="G68" s="28">
        <v>11</v>
      </c>
      <c r="H68" s="28">
        <v>19</v>
      </c>
      <c r="I68" s="28">
        <v>0</v>
      </c>
      <c r="J68" s="28">
        <v>22</v>
      </c>
      <c r="K68" s="28">
        <v>10</v>
      </c>
      <c r="L68" s="28">
        <v>12</v>
      </c>
      <c r="M68" s="29">
        <v>0</v>
      </c>
      <c r="N68"/>
      <c r="O68" s="7"/>
      <c r="P68" s="7"/>
      <c r="Q68" s="7"/>
      <c r="R68" s="7"/>
      <c r="S68" s="7"/>
      <c r="T68" s="7"/>
    </row>
    <row r="69" spans="1:20" s="8" customFormat="1" ht="22.5" customHeight="1">
      <c r="A69" s="26"/>
      <c r="B69" s="5" t="s">
        <v>54</v>
      </c>
      <c r="C69" s="27"/>
      <c r="D69" s="2">
        <v>16</v>
      </c>
      <c r="E69" s="28">
        <v>13</v>
      </c>
      <c r="F69" s="28">
        <v>46</v>
      </c>
      <c r="G69" s="28">
        <v>18</v>
      </c>
      <c r="H69" s="28">
        <v>28</v>
      </c>
      <c r="I69" s="28">
        <v>0</v>
      </c>
      <c r="J69" s="28">
        <v>54</v>
      </c>
      <c r="K69" s="28">
        <v>15</v>
      </c>
      <c r="L69" s="28">
        <v>39</v>
      </c>
      <c r="M69" s="29">
        <v>0</v>
      </c>
      <c r="N69"/>
      <c r="O69" s="7"/>
      <c r="P69" s="7"/>
      <c r="Q69" s="7"/>
      <c r="R69" s="7"/>
      <c r="S69" s="7"/>
      <c r="T69" s="7"/>
    </row>
    <row r="70" spans="1:20" s="8" customFormat="1" ht="22.5" customHeight="1">
      <c r="A70" s="30"/>
      <c r="B70" s="73" t="s">
        <v>21</v>
      </c>
      <c r="C70" s="31"/>
      <c r="D70" s="4">
        <v>12</v>
      </c>
      <c r="E70" s="32">
        <v>73</v>
      </c>
      <c r="F70" s="32">
        <v>202</v>
      </c>
      <c r="G70" s="32">
        <v>140</v>
      </c>
      <c r="H70" s="32">
        <v>38</v>
      </c>
      <c r="I70" s="32">
        <v>24</v>
      </c>
      <c r="J70" s="32">
        <v>228</v>
      </c>
      <c r="K70" s="32">
        <v>115</v>
      </c>
      <c r="L70" s="32">
        <v>101</v>
      </c>
      <c r="M70" s="33">
        <v>12</v>
      </c>
      <c r="N70"/>
      <c r="O70" s="7"/>
      <c r="P70" s="7"/>
      <c r="Q70" s="7"/>
      <c r="R70" s="7"/>
      <c r="S70" s="7"/>
      <c r="T70" s="7"/>
    </row>
    <row r="71" spans="1:20" s="8" customFormat="1" ht="22.5" customHeight="1">
      <c r="A71" s="26"/>
      <c r="B71" s="5" t="s">
        <v>55</v>
      </c>
      <c r="C71" s="27"/>
      <c r="D71" s="2">
        <v>4</v>
      </c>
      <c r="E71" s="28">
        <v>17</v>
      </c>
      <c r="F71" s="28">
        <v>108</v>
      </c>
      <c r="G71" s="28">
        <v>67</v>
      </c>
      <c r="H71" s="28">
        <v>17</v>
      </c>
      <c r="I71" s="28">
        <v>24</v>
      </c>
      <c r="J71" s="28">
        <v>109</v>
      </c>
      <c r="K71" s="28">
        <v>51</v>
      </c>
      <c r="L71" s="28">
        <v>46</v>
      </c>
      <c r="M71" s="29">
        <v>12</v>
      </c>
      <c r="N71"/>
      <c r="O71" s="7"/>
      <c r="P71" s="7"/>
      <c r="Q71" s="7"/>
      <c r="R71" s="7"/>
      <c r="S71" s="7"/>
      <c r="T71" s="7"/>
    </row>
    <row r="72" spans="1:20" s="8" customFormat="1" ht="22.5" customHeight="1">
      <c r="A72" s="26"/>
      <c r="B72" s="5" t="s">
        <v>56</v>
      </c>
      <c r="C72" s="27"/>
      <c r="D72" s="2">
        <v>2</v>
      </c>
      <c r="E72" s="28">
        <v>15</v>
      </c>
      <c r="F72" s="28">
        <v>17</v>
      </c>
      <c r="G72" s="28">
        <v>9</v>
      </c>
      <c r="H72" s="28">
        <v>8</v>
      </c>
      <c r="I72" s="28">
        <v>0</v>
      </c>
      <c r="J72" s="28">
        <v>19</v>
      </c>
      <c r="K72" s="28">
        <v>6</v>
      </c>
      <c r="L72" s="28">
        <v>13</v>
      </c>
      <c r="M72" s="29">
        <v>0</v>
      </c>
      <c r="N72"/>
      <c r="O72" s="7"/>
      <c r="P72" s="7"/>
      <c r="Q72" s="7"/>
      <c r="R72" s="7"/>
      <c r="S72" s="7"/>
      <c r="T72" s="7"/>
    </row>
    <row r="73" spans="1:20" s="8" customFormat="1" ht="22.5" customHeight="1">
      <c r="A73" s="26"/>
      <c r="B73" s="5" t="s">
        <v>80</v>
      </c>
      <c r="C73" s="27"/>
      <c r="D73" s="2">
        <v>6</v>
      </c>
      <c r="E73" s="28">
        <v>41</v>
      </c>
      <c r="F73" s="28">
        <v>77</v>
      </c>
      <c r="G73" s="28">
        <v>64</v>
      </c>
      <c r="H73" s="28">
        <v>13</v>
      </c>
      <c r="I73" s="28">
        <v>0</v>
      </c>
      <c r="J73" s="28">
        <v>100</v>
      </c>
      <c r="K73" s="28">
        <v>58</v>
      </c>
      <c r="L73" s="28">
        <v>42</v>
      </c>
      <c r="M73" s="29">
        <v>0</v>
      </c>
      <c r="N73"/>
      <c r="O73" s="7"/>
      <c r="P73" s="7"/>
      <c r="Q73" s="7"/>
      <c r="R73" s="7"/>
      <c r="S73" s="7"/>
      <c r="T73" s="7"/>
    </row>
    <row r="74" spans="1:20" s="8" customFormat="1" ht="22.5" customHeight="1">
      <c r="A74" s="30"/>
      <c r="B74" s="73" t="s">
        <v>22</v>
      </c>
      <c r="C74" s="31"/>
      <c r="D74" s="4">
        <v>17</v>
      </c>
      <c r="E74" s="32">
        <v>43</v>
      </c>
      <c r="F74" s="32">
        <v>189</v>
      </c>
      <c r="G74" s="32">
        <v>98</v>
      </c>
      <c r="H74" s="32">
        <v>88</v>
      </c>
      <c r="I74" s="32">
        <v>3</v>
      </c>
      <c r="J74" s="32">
        <v>119</v>
      </c>
      <c r="K74" s="32">
        <v>34</v>
      </c>
      <c r="L74" s="32">
        <v>81</v>
      </c>
      <c r="M74" s="33">
        <v>4</v>
      </c>
      <c r="N74"/>
      <c r="O74" s="7"/>
      <c r="P74" s="7"/>
      <c r="Q74" s="7"/>
      <c r="R74" s="7"/>
      <c r="S74" s="7"/>
      <c r="T74" s="7"/>
    </row>
    <row r="75" spans="1:20" s="8" customFormat="1" ht="22.5" customHeight="1">
      <c r="A75" s="26"/>
      <c r="B75" s="5" t="s">
        <v>57</v>
      </c>
      <c r="C75" s="27"/>
      <c r="D75" s="2">
        <v>17</v>
      </c>
      <c r="E75" s="28">
        <v>39</v>
      </c>
      <c r="F75" s="28">
        <v>173</v>
      </c>
      <c r="G75" s="28">
        <v>87</v>
      </c>
      <c r="H75" s="28">
        <v>83</v>
      </c>
      <c r="I75" s="28">
        <v>3</v>
      </c>
      <c r="J75" s="28">
        <v>115</v>
      </c>
      <c r="K75" s="28">
        <v>33</v>
      </c>
      <c r="L75" s="28">
        <v>78</v>
      </c>
      <c r="M75" s="29">
        <v>4</v>
      </c>
      <c r="N75"/>
      <c r="O75" s="7"/>
      <c r="P75" s="7"/>
      <c r="Q75" s="7"/>
      <c r="R75" s="7"/>
      <c r="S75" s="7"/>
      <c r="T75" s="7"/>
    </row>
    <row r="76" spans="1:20" s="8" customFormat="1" ht="22.5" customHeight="1">
      <c r="A76" s="26"/>
      <c r="B76" s="5" t="s">
        <v>58</v>
      </c>
      <c r="C76" s="27"/>
      <c r="D76" s="2">
        <v>0</v>
      </c>
      <c r="E76" s="28">
        <v>4</v>
      </c>
      <c r="F76" s="28">
        <v>16</v>
      </c>
      <c r="G76" s="28">
        <v>11</v>
      </c>
      <c r="H76" s="28">
        <v>5</v>
      </c>
      <c r="I76" s="28">
        <v>0</v>
      </c>
      <c r="J76" s="28">
        <v>4</v>
      </c>
      <c r="K76" s="28">
        <v>1</v>
      </c>
      <c r="L76" s="28">
        <v>3</v>
      </c>
      <c r="M76" s="29">
        <v>0</v>
      </c>
      <c r="N76"/>
      <c r="O76" s="7"/>
      <c r="P76" s="7"/>
      <c r="Q76" s="7"/>
      <c r="R76" s="7"/>
      <c r="S76" s="7"/>
      <c r="T76" s="7"/>
    </row>
    <row r="77" spans="1:20" s="8" customFormat="1" ht="15" customHeight="1" thickBot="1">
      <c r="A77" s="34"/>
      <c r="B77" s="51"/>
      <c r="C77" s="44"/>
      <c r="D77" s="45"/>
      <c r="E77" s="35"/>
      <c r="F77" s="35"/>
      <c r="G77" s="35"/>
      <c r="H77" s="35"/>
      <c r="I77" s="35"/>
      <c r="J77" s="35"/>
      <c r="K77" s="35"/>
      <c r="L77" s="35"/>
      <c r="M77" s="36"/>
      <c r="N77"/>
      <c r="O77" s="7"/>
      <c r="P77" s="7"/>
      <c r="Q77" s="7"/>
      <c r="R77" s="7"/>
      <c r="S77" s="7"/>
      <c r="T77" s="7"/>
    </row>
    <row r="78" spans="1:20" s="8" customFormat="1" ht="13.5" customHeight="1">
      <c r="A78" s="46"/>
      <c r="B78" s="46"/>
      <c r="C78" s="46"/>
      <c r="D78" s="46"/>
      <c r="E78" s="46"/>
      <c r="F78" s="46"/>
      <c r="G78" s="46"/>
      <c r="H78" s="46"/>
      <c r="I78" s="46"/>
      <c r="J78" s="46"/>
      <c r="K78" s="46"/>
      <c r="L78" s="46"/>
      <c r="M78" s="38" t="s">
        <v>81</v>
      </c>
      <c r="N78"/>
      <c r="O78" s="7"/>
      <c r="P78" s="7"/>
      <c r="Q78" s="7"/>
      <c r="R78" s="7"/>
      <c r="S78" s="7"/>
      <c r="T78" s="7"/>
    </row>
    <row r="79" spans="1:20" s="8" customFormat="1" ht="13.5" customHeight="1">
      <c r="A79" s="40"/>
      <c r="B79" s="40"/>
      <c r="C79" s="40"/>
      <c r="D79" s="40"/>
      <c r="E79" s="40"/>
      <c r="F79" s="40"/>
      <c r="G79" s="40"/>
      <c r="H79" s="40"/>
      <c r="I79" s="40"/>
      <c r="J79" s="40"/>
      <c r="K79" s="40"/>
      <c r="L79" s="40"/>
      <c r="M79" s="40"/>
      <c r="N79"/>
      <c r="O79" s="7"/>
      <c r="P79" s="7"/>
      <c r="Q79" s="7"/>
      <c r="R79" s="7"/>
      <c r="S79" s="7"/>
      <c r="T79" s="7"/>
    </row>
    <row r="80" spans="1:20" s="8" customFormat="1" ht="13.5" customHeight="1">
      <c r="A80" s="39" t="s">
        <v>82</v>
      </c>
      <c r="B80" s="40"/>
      <c r="C80" s="40"/>
      <c r="D80" s="40"/>
      <c r="E80" s="40"/>
      <c r="F80" s="40"/>
      <c r="G80" s="40"/>
      <c r="H80" s="40"/>
      <c r="I80" s="40"/>
      <c r="J80" s="40"/>
      <c r="K80" s="40"/>
      <c r="L80" s="40"/>
      <c r="M80" s="40"/>
      <c r="N80"/>
      <c r="O80" s="7"/>
      <c r="P80" s="7"/>
      <c r="Q80" s="7"/>
      <c r="R80" s="7"/>
      <c r="S80" s="7"/>
      <c r="T80" s="7"/>
    </row>
    <row r="81" spans="1:20" s="8" customFormat="1" ht="13.5" customHeight="1">
      <c r="A81" s="41" t="s">
        <v>83</v>
      </c>
      <c r="B81" s="40"/>
      <c r="C81" s="40"/>
      <c r="D81" s="40"/>
      <c r="E81" s="40"/>
      <c r="F81" s="40"/>
      <c r="G81" s="40"/>
      <c r="H81" s="40"/>
      <c r="I81" s="40"/>
      <c r="J81" s="40"/>
      <c r="K81" s="40"/>
      <c r="L81" s="40"/>
      <c r="M81" s="40"/>
      <c r="N81"/>
      <c r="O81" s="7"/>
      <c r="P81" s="7"/>
      <c r="Q81" s="7"/>
      <c r="R81" s="7"/>
      <c r="S81" s="7"/>
      <c r="T81" s="7"/>
    </row>
    <row r="82" spans="1:20" s="8" customFormat="1" ht="13.5" customHeight="1">
      <c r="A82" s="41"/>
      <c r="B82" s="40" t="s">
        <v>84</v>
      </c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/>
      <c r="O82" s="7"/>
      <c r="P82" s="7"/>
      <c r="Q82" s="7"/>
      <c r="R82" s="7"/>
      <c r="S82" s="7"/>
      <c r="T82" s="7"/>
    </row>
  </sheetData>
  <mergeCells count="2">
    <mergeCell ref="D4:D5"/>
    <mergeCell ref="E4:E5"/>
  </mergeCells>
  <phoneticPr fontId="3"/>
  <printOptions horizontalCentered="1"/>
  <pageMargins left="0.43307086614173229" right="0.43307086614173229" top="1.0236220472440944" bottom="0.47244094488188981" header="0.31496062992125984" footer="0.31496062992125984"/>
  <pageSetup paperSize="9" scale="81" orientation="portrait" r:id="rId1"/>
  <rowBreaks count="1" manualBreakCount="1"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自然増減・社会増減</vt:lpstr>
      <vt:lpstr>自然増減・社会増減!Print_Area</vt:lpstr>
      <vt:lpstr>自然増減・社会増減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4:52Z</cp:lastPrinted>
  <dcterms:created xsi:type="dcterms:W3CDTF">2021-07-07T02:59:25Z</dcterms:created>
  <dcterms:modified xsi:type="dcterms:W3CDTF">2023-11-20T04:06:20Z</dcterms:modified>
</cp:coreProperties>
</file>